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127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i5921877\Desktop\"/>
    </mc:Choice>
  </mc:AlternateContent>
  <xr:revisionPtr revIDLastSave="0" documentId="8_{F419F163-B598-4DE8-BC0E-776A5223B5B3}" xr6:coauthVersionLast="47" xr6:coauthVersionMax="47" xr10:uidLastSave="{00000000-0000-0000-0000-000000000000}"/>
  <bookViews>
    <workbookView xWindow="-120" yWindow="-120" windowWidth="20730" windowHeight="11040" xr2:uid="{00000000-000D-0000-FFFF-FFFF00000000}"/>
  </bookViews>
  <sheets>
    <sheet name="検索結果" sheetId="1" r:id="rId1"/>
  </sheets>
  <definedNames>
    <definedName name="_xlnm.Print_Titles" localSheetId="0">検索結果!$1:$1</definedName>
  </definedNames>
  <calcPr calcId="0"/>
</workbook>
</file>

<file path=xl/sharedStrings.xml><?xml version="1.0" encoding="utf-8"?>
<sst xmlns="http://schemas.openxmlformats.org/spreadsheetml/2006/main" count="1437" uniqueCount="187">
  <si>
    <t>所属名称・課名称</t>
  </si>
  <si>
    <t>支払日</t>
  </si>
  <si>
    <t>会計名称</t>
  </si>
  <si>
    <t>款名称</t>
  </si>
  <si>
    <t>項名称</t>
  </si>
  <si>
    <t>目名称</t>
  </si>
  <si>
    <t>節・細節名称</t>
  </si>
  <si>
    <t>支払内容</t>
  </si>
  <si>
    <t>支払額</t>
  </si>
  <si>
    <t>市場事業費用</t>
  </si>
  <si>
    <t>営業費用</t>
  </si>
  <si>
    <t>市場管理費</t>
  </si>
  <si>
    <t>経済戦略局　中央卸売市場総務課　（庶務）</t>
  </si>
  <si>
    <t>中央卸売市場事業会計</t>
  </si>
  <si>
    <t xml:space="preserve">報酬 </t>
  </si>
  <si>
    <t>給与改定清算分厚生年金保険料の支出について</t>
  </si>
  <si>
    <t>令和８年１月分厚生年金保険料の支出について</t>
  </si>
  <si>
    <t xml:space="preserve">役務費 </t>
  </si>
  <si>
    <t>本場電話料金（１月分）の支出について</t>
  </si>
  <si>
    <t>東部市場電話料金（１月分）支出について</t>
  </si>
  <si>
    <t>経済戦略局　中央卸売市場本場　（業務管理）</t>
  </si>
  <si>
    <t>令和８年１月分厚生年金保険料等の支出について</t>
  </si>
  <si>
    <t>令和７年６月賞与分厚生年金保険料等追徴分の支出について</t>
  </si>
  <si>
    <t>経済戦略局　中央卸売市場本場　（設備）</t>
  </si>
  <si>
    <t xml:space="preserve">修繕費 </t>
  </si>
  <si>
    <t>令和７年度大阪市中央卸売市場本場配送加工棟及び駐車場舗装工事</t>
  </si>
  <si>
    <t>経済戦略局　中央卸売市場東部市場　（業務管理）</t>
  </si>
  <si>
    <t>６月期末勤勉手当（清算分）厚生年金保険料の支出について</t>
  </si>
  <si>
    <t>経済戦略局　中央卸売市場東部市場　（設備）</t>
  </si>
  <si>
    <t xml:space="preserve">委託料 </t>
  </si>
  <si>
    <t>大阪市中央卸売市場東部市場設備管理業務委託　長期継続</t>
  </si>
  <si>
    <t xml:space="preserve">使用料及び賃借料 </t>
  </si>
  <si>
    <t>本場市場東棟共同利用設備利用料（１月分）</t>
  </si>
  <si>
    <t xml:space="preserve">負担金補助及び交付金 </t>
  </si>
  <si>
    <t>石綿作業主任者技能講習受講料（その２）</t>
  </si>
  <si>
    <t xml:space="preserve">備消品費 </t>
  </si>
  <si>
    <t>布粘着テープほか２点　買入</t>
  </si>
  <si>
    <t>タクシー乗車料金（10月・11月分）の支出について</t>
  </si>
  <si>
    <t>経済戦略局　中央卸売市場企画課　（企画）</t>
  </si>
  <si>
    <t>業務用ポリ袋（ごみ袋）　買入</t>
  </si>
  <si>
    <t>大阪市中央卸売市場本場業務管理棟加圧給水ポンプ修繕</t>
  </si>
  <si>
    <t>吸水シート・吸水パッドほか４点　買入</t>
  </si>
  <si>
    <t>メッシュキャップ　買入</t>
  </si>
  <si>
    <t>洗濯用液体洗剤ほか５点　買入</t>
  </si>
  <si>
    <t xml:space="preserve">報償費 </t>
  </si>
  <si>
    <t>東部市場出張料理教室(水産)講師謝礼金及び交通費の支出について</t>
  </si>
  <si>
    <t xml:space="preserve">光熱水費 </t>
  </si>
  <si>
    <t>東部市場ガス料金（２月分）の支出について</t>
  </si>
  <si>
    <t>本場　ガス料金（２月分）の支出について</t>
  </si>
  <si>
    <t>令和７年度大阪市中央卸売市場取扱品流通状況調査にかかるデータ</t>
  </si>
  <si>
    <t>流動資産</t>
  </si>
  <si>
    <t>前払金</t>
  </si>
  <si>
    <t xml:space="preserve">前払金 </t>
  </si>
  <si>
    <t>大阪市中央卸売市場本場業務管理棟汚水管取替工事</t>
  </si>
  <si>
    <t>大阪市中央卸売市場東部市場水産冷却塔（CT-6）修繕</t>
  </si>
  <si>
    <t>固定資産</t>
  </si>
  <si>
    <t>有形固定資産</t>
  </si>
  <si>
    <t>有形建設仮勘定</t>
  </si>
  <si>
    <t xml:space="preserve">有形建設仮勘定 </t>
  </si>
  <si>
    <t>大阪市中央卸売市場東部市場集中自動検針装置改修工事</t>
  </si>
  <si>
    <t>本場で使用する切手の購入経費の支出について</t>
  </si>
  <si>
    <t>本場電話料金（２月分）の支払いについて</t>
  </si>
  <si>
    <t>東部市場電話料金（２月分）の支払いについて</t>
  </si>
  <si>
    <t>衛生組合分担金（令和８年１月分）の支出について</t>
  </si>
  <si>
    <t>大規模低温貯蔵庫ランプウェイ部照明電気使用料（２月分）</t>
  </si>
  <si>
    <t>カーブミラーほか３点　買入</t>
  </si>
  <si>
    <t>事務用椅子（肘付）ほか２点　買入</t>
  </si>
  <si>
    <t>工業用精製水ほか３点　買入</t>
  </si>
  <si>
    <t xml:space="preserve">給料 </t>
  </si>
  <si>
    <t>令和８年３月分給与　物件費</t>
  </si>
  <si>
    <t>経済戦略局　中央卸売市場総務課　（計理）</t>
  </si>
  <si>
    <t>令和８年３月分給与</t>
  </si>
  <si>
    <t>Ｖベルトほか８点　買入</t>
  </si>
  <si>
    <t>令和７年度東部市場一般廃棄物搬出業務委託（概算契約）</t>
  </si>
  <si>
    <t>封筒角型２号ほか９点の購入について（統括用品）</t>
  </si>
  <si>
    <t>庁内情報利用パソコン等機器（中央卸売市場）一式長期借入</t>
  </si>
  <si>
    <t>LGWAN接続系利用パソコン等機器（中央卸売市場）一式長期借入</t>
  </si>
  <si>
    <t>大阪市中央卸売市場業務系システム用プリンタ長期借入</t>
  </si>
  <si>
    <t>大阪市中央卸売市場事務用ファクシミリ機器長期借入</t>
  </si>
  <si>
    <t>大阪市中央卸売市場庁内ネットワーク用プロッター長期借入</t>
  </si>
  <si>
    <t>オフィスチェア用キャスター　買入</t>
  </si>
  <si>
    <t>マグネットクリップ　買入</t>
  </si>
  <si>
    <t>大阪市中央卸売市場本場市場東棟換気設備修繕（その２）</t>
  </si>
  <si>
    <t>フロートなしスイッチほか８点　買入</t>
  </si>
  <si>
    <t>Ｖベルトほか４点　買入</t>
  </si>
  <si>
    <t>大阪市中央卸売市場東部市場警備業務委託　長期継続（概算契約）</t>
  </si>
  <si>
    <t>大阪市中央卸売市場本場ターレット式構内運搬自動車借入</t>
  </si>
  <si>
    <t>大阪市中央卸売市場本場設備管理業務委託　長期契約</t>
  </si>
  <si>
    <t xml:space="preserve">原材料費 </t>
  </si>
  <si>
    <t>全天候型高耐久常温合材ほか１点　買入</t>
  </si>
  <si>
    <t>リーガルサポーターズ制度の報償金について（加工食料品売場）</t>
  </si>
  <si>
    <t>舗装補修材ほか４点　買入</t>
  </si>
  <si>
    <t>郵便振替取扱手数料（２月分）の支出について</t>
  </si>
  <si>
    <t>大阪市公開系システム用通信サービス利用　長期継続</t>
  </si>
  <si>
    <t>大阪市中央卸売市場情報システムＷＥＢサーバ機及び周辺機器一式</t>
  </si>
  <si>
    <t>大阪市中央卸売市場情報システムネットワーク機器長期借入</t>
  </si>
  <si>
    <t xml:space="preserve">旅費 </t>
  </si>
  <si>
    <t>令和８年２月分市内出張等交通旅費の支出</t>
  </si>
  <si>
    <t>市場情報システム用専用回線使用料２月分</t>
  </si>
  <si>
    <t>大阪市中央卸売市場カラーデジタル複合機等長期借入（単価契約）</t>
  </si>
  <si>
    <t>中央卸売市場本場カラーデジタル複合機長期借入（単価契約）</t>
  </si>
  <si>
    <t>本場・東部市場水道料金（２月分）の支出について</t>
  </si>
  <si>
    <t>本場・東部市場下水道料金（２月分）の支出について</t>
  </si>
  <si>
    <t>短期貸付金</t>
  </si>
  <si>
    <t xml:space="preserve">他会計貸付金 </t>
  </si>
  <si>
    <t>短期貸付金の貸付</t>
  </si>
  <si>
    <t>令和７年度　大阪市中央卸売市場業務管理棟共益費の支出について</t>
  </si>
  <si>
    <t>大阪市中央卸売市場本場自動体外式除細動器（AED）一式長期借入</t>
  </si>
  <si>
    <t>大阪市中央卸売市場本場警備業務委託　長期継続（概算契約）</t>
  </si>
  <si>
    <t>大阪市中央卸売市場本場衛生組合分担金（２月分）の支出について</t>
  </si>
  <si>
    <t>大阪市中央卸売市場本場警備本部空調設備修繕</t>
  </si>
  <si>
    <t>中央卸売市場東部市場自動体外式除細動器（ＡＥＤ）一式長期借入</t>
  </si>
  <si>
    <t>東部市場配送加工施設の植栽の潅水設備水道使用料（８年２月分）</t>
  </si>
  <si>
    <t>東部市場配送加工施設の外灯照明に係る電気使用料（８年２月分）</t>
  </si>
  <si>
    <t>無形固定資産</t>
  </si>
  <si>
    <t>無形建設仮勘定</t>
  </si>
  <si>
    <t xml:space="preserve">無形建設仮勘定 </t>
  </si>
  <si>
    <t>ＡｕｔｏＣＡＤ　買入</t>
  </si>
  <si>
    <t>本場・東部市場　工業用水道料金の支出について（３月請求分）</t>
  </si>
  <si>
    <t>市場のあり方検討にかかる水産関係事業者のヒアリング</t>
  </si>
  <si>
    <t>大阪市中央卸売市場東部市場外付けHDDデータ復旧業務委託</t>
  </si>
  <si>
    <t>中央卸売市場仮想統合基盤サーバ及び関係機器等一式長期借入</t>
  </si>
  <si>
    <t>大阪市中央卸売市場文書逓送業務委託　長期継続</t>
  </si>
  <si>
    <t>トナーカートリッジ　買入</t>
  </si>
  <si>
    <t>石綿対策相談にかかる講師謝礼金の支出について</t>
  </si>
  <si>
    <t>市内出張交通費（２月分）の支出について</t>
  </si>
  <si>
    <t>後納郵便料金（２月分）の支出について</t>
  </si>
  <si>
    <t>USBメモリ　買入</t>
  </si>
  <si>
    <t>令和７年度本場一廃搬出及び分別指導業務委託(概算契約)(2月分)</t>
  </si>
  <si>
    <t>両面ハトメ玉ほか1点　買入</t>
  </si>
  <si>
    <t>令和７年度　市内出張交通費(会計年度)　２月分</t>
  </si>
  <si>
    <t>令和７年度　市内出張交通費　２月分</t>
  </si>
  <si>
    <t>インターネット接続基本回線使用料（２月分）</t>
  </si>
  <si>
    <t xml:space="preserve">燃料費 </t>
  </si>
  <si>
    <t>A重油　買入</t>
  </si>
  <si>
    <t>成形伸縮目地材ほか５点　買入</t>
  </si>
  <si>
    <t>AutoCAD　買入</t>
  </si>
  <si>
    <t>アーク溶接機　買入</t>
  </si>
  <si>
    <t>大阪市中央卸売市場本場業務管理棟排水設備緊急修繕</t>
  </si>
  <si>
    <t>クッションフロア　買入</t>
  </si>
  <si>
    <t>令和８年２月分市内出張交通費の支出について</t>
  </si>
  <si>
    <t>中央卸売市場東部市場内　専用回線利用料（２月分）</t>
  </si>
  <si>
    <t>有線ルーター　買入</t>
  </si>
  <si>
    <t>令和８年３月払　共済費事業主負担金の支出について（物件費）</t>
  </si>
  <si>
    <t>令和８年３月払　共済費事業主負担金の支出について（人件費）</t>
  </si>
  <si>
    <t>大阪市中央卸売市場東部市場自走式高所作業車修繕その３</t>
  </si>
  <si>
    <t>庁内情報ネットワークにおける小規模事業所向け通信サービス利用</t>
  </si>
  <si>
    <t>本場電話料金（２月分）の支出について</t>
  </si>
  <si>
    <t>東部市場電話料金（２月分）支出について</t>
  </si>
  <si>
    <t>本場東棟の電気料金（２月分）の支出について</t>
  </si>
  <si>
    <t>本場西棟の電気料金（２月分）の支出について</t>
  </si>
  <si>
    <t>東部市場電気料金（特高圧２月分）の支出について</t>
  </si>
  <si>
    <t>東部市場ガス料金（３月分）の支出について</t>
  </si>
  <si>
    <t>東部市場電気料金（３月分）の支出について</t>
  </si>
  <si>
    <t>令和８年２月分厚生年金保険料の支出について</t>
  </si>
  <si>
    <t>本場　ガス料金（３月分）の支出について</t>
  </si>
  <si>
    <t>消費税及び地方消費税</t>
  </si>
  <si>
    <t>営業外費用</t>
  </si>
  <si>
    <t xml:space="preserve">消費税及び地方消費税 </t>
  </si>
  <si>
    <t>消費税及び地方消費税の中間納付12月分</t>
  </si>
  <si>
    <t>流動負債</t>
  </si>
  <si>
    <t>企業債</t>
  </si>
  <si>
    <t xml:space="preserve">建設改良費等の財源に充てるための </t>
  </si>
  <si>
    <t>企業債の元利償還及び取扱諸費の支出について</t>
  </si>
  <si>
    <t>支払利息及び企業債取扱諸費</t>
  </si>
  <si>
    <t xml:space="preserve">企業債利息 </t>
  </si>
  <si>
    <t xml:space="preserve">企業債手数料及び取扱諸費 </t>
  </si>
  <si>
    <t>本場市場東棟共同利用設備利用料（２月分）</t>
  </si>
  <si>
    <t>令和８年２月分厚生年金保険料等の支出について</t>
  </si>
  <si>
    <t>令和７年度会計年度任用職員に係る労働保険料の支出について</t>
  </si>
  <si>
    <t>中央卸売市場本場絶縁用保護具耐電圧試験業務委託（その２）</t>
  </si>
  <si>
    <t>令和７年度大阪市中央卸売市場本場高所作業車修繕（その３）</t>
  </si>
  <si>
    <t>大阪市中央卸売市場本場自動火災報知設備修繕（その２）</t>
  </si>
  <si>
    <t>自動給水栓ほか12点　買入</t>
  </si>
  <si>
    <t>大阪市中央卸売市場本場自走式高所作業車修繕</t>
  </si>
  <si>
    <t>大阪市中央卸売市場本場大規模低温貯蔵庫151-1号室空調設備修繕</t>
  </si>
  <si>
    <t>中央卸売市場本場空気中アスベスト濃度分析試験（２－２回目）</t>
  </si>
  <si>
    <t>衛生組合分担金（令和８年２月分）の支出について</t>
  </si>
  <si>
    <t>令和８年２月分料金後納郵便代の支出について</t>
  </si>
  <si>
    <t>積算資料 電子書籍ほか１点 買入</t>
  </si>
  <si>
    <t>令和７年度大阪市中央卸売市場東部市場直流電源設備修繕</t>
  </si>
  <si>
    <t>油性塗料（赤）ほか23点　買入</t>
  </si>
  <si>
    <t>鋼製グレーチングほか10点　買入</t>
  </si>
  <si>
    <t>水道メータ(パルス出力式)ほか２点　買入</t>
  </si>
  <si>
    <t>管端防食管継手ほか９点　買入</t>
  </si>
  <si>
    <t>令和７年度大阪市中央卸売市場東部市場平野川測量委託</t>
  </si>
  <si>
    <t>卸売市場東部市場塵芥処理施設２重量シャッター修繕（その２）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2" x14ac:knownFonts="1">
    <font>
      <sz val="10"/>
      <color indexed="8"/>
      <name val="游ゴシック"/>
      <family val="2"/>
      <scheme val="minor"/>
    </font>
    <font>
      <sz val="10"/>
      <name val="ＭＳ ゴシック"/>
      <family val="3"/>
      <charset val="128"/>
    </font>
    <font>
      <sz val="10"/>
      <color indexed="8"/>
      <name val="ＭＳ ゴシック"/>
      <family val="3"/>
      <charset val="128"/>
    </font>
    <font>
      <sz val="10"/>
      <color indexed="8"/>
      <name val="ＭＳ ゴシック"/>
      <family val="3"/>
      <charset val="128"/>
    </font>
    <font>
      <sz val="10"/>
      <color indexed="8"/>
      <name val="ＭＳ ゴシック"/>
      <family val="3"/>
      <charset val="128"/>
    </font>
    <font>
      <sz val="10"/>
      <color indexed="8"/>
      <name val="ＭＳ ゴシック"/>
      <family val="3"/>
      <charset val="128"/>
    </font>
    <font>
      <sz val="10"/>
      <color indexed="8"/>
      <name val="ＭＳ ゴシック"/>
      <family val="3"/>
      <charset val="128"/>
    </font>
    <font>
      <sz val="10"/>
      <color indexed="8"/>
      <name val="ＭＳ ゴシック"/>
      <family val="3"/>
      <charset val="128"/>
    </font>
    <font>
      <sz val="10"/>
      <color indexed="8"/>
      <name val="ＭＳ ゴシック"/>
      <family val="3"/>
      <charset val="128"/>
    </font>
    <font>
      <sz val="10"/>
      <color indexed="8"/>
      <name val="ＭＳ ゴシック"/>
      <family val="3"/>
      <charset val="128"/>
    </font>
    <font>
      <sz val="10"/>
      <color indexed="8"/>
      <name val="ＭＳ ゴシック"/>
      <family val="3"/>
      <charset val="128"/>
    </font>
    <font>
      <sz val="6"/>
      <name val="游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indexed="22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1">
    <xf numFmtId="0" fontId="0" fillId="0" borderId="0">
      <alignment vertical="center"/>
    </xf>
  </cellStyleXfs>
  <cellXfs count="11">
    <xf numFmtId="0" fontId="0" fillId="0" borderId="0" xfId="0">
      <alignment vertical="center"/>
    </xf>
    <xf numFmtId="0" fontId="1" fillId="2" borderId="1" xfId="0" applyNumberFormat="1" applyFont="1" applyFill="1" applyBorder="1" applyAlignment="1">
      <alignment horizontal="center" vertical="center"/>
    </xf>
    <xf numFmtId="0" fontId="2" fillId="0" borderId="1" xfId="0" applyNumberFormat="1" applyFont="1" applyBorder="1" applyAlignment="1">
      <alignment horizontal="left"/>
    </xf>
    <xf numFmtId="58" fontId="3" fillId="0" borderId="1" xfId="0" applyNumberFormat="1" applyFont="1" applyBorder="1" applyAlignment="1">
      <alignment horizontal="left"/>
    </xf>
    <xf numFmtId="0" fontId="4" fillId="0" borderId="1" xfId="0" applyNumberFormat="1" applyFont="1" applyBorder="1" applyAlignment="1">
      <alignment horizontal="left"/>
    </xf>
    <xf numFmtId="0" fontId="5" fillId="0" borderId="1" xfId="0" applyNumberFormat="1" applyFont="1" applyBorder="1" applyAlignment="1">
      <alignment horizontal="left"/>
    </xf>
    <xf numFmtId="0" fontId="6" fillId="0" borderId="1" xfId="0" applyNumberFormat="1" applyFont="1" applyBorder="1" applyAlignment="1">
      <alignment horizontal="left"/>
    </xf>
    <xf numFmtId="0" fontId="7" fillId="0" borderId="1" xfId="0" applyNumberFormat="1" applyFont="1" applyBorder="1" applyAlignment="1">
      <alignment horizontal="left"/>
    </xf>
    <xf numFmtId="0" fontId="8" fillId="0" borderId="1" xfId="0" applyNumberFormat="1" applyFont="1" applyBorder="1" applyAlignment="1">
      <alignment horizontal="left"/>
    </xf>
    <xf numFmtId="0" fontId="9" fillId="0" borderId="1" xfId="0" applyNumberFormat="1" applyFont="1" applyBorder="1" applyAlignment="1">
      <alignment horizontal="left"/>
    </xf>
    <xf numFmtId="37" fontId="10" fillId="0" borderId="1" xfId="0" applyNumberFormat="1" applyFont="1" applyBorder="1" applyAlignment="1">
      <alignment horizontal="right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I205"/>
  <sheetViews>
    <sheetView tabSelected="1" workbookViewId="0">
      <selection activeCell="D12" sqref="D12"/>
    </sheetView>
  </sheetViews>
  <sheetFormatPr defaultRowHeight="16.5" x14ac:dyDescent="0.35"/>
  <cols>
    <col min="1" max="1" width="52.42578125" bestFit="1" customWidth="1"/>
    <col min="2" max="2" width="16.42578125" bestFit="1" customWidth="1"/>
    <col min="3" max="3" width="23.140625" bestFit="1" customWidth="1"/>
    <col min="4" max="5" width="14.140625" bestFit="1" customWidth="1"/>
    <col min="6" max="6" width="29.85546875" bestFit="1" customWidth="1"/>
    <col min="7" max="7" width="37.7109375" bestFit="1" customWidth="1"/>
    <col min="8" max="8" width="68.140625" bestFit="1" customWidth="1"/>
    <col min="9" max="9" width="15.28515625" bestFit="1" customWidth="1"/>
  </cols>
  <sheetData>
    <row r="1" spans="1:9" x14ac:dyDescent="0.35">
      <c r="A1" s="1" t="s">
        <v>0</v>
      </c>
      <c r="B1" s="1" t="s">
        <v>1</v>
      </c>
      <c r="C1" s="1" t="s">
        <v>2</v>
      </c>
      <c r="D1" s="1" t="s">
        <v>3</v>
      </c>
      <c r="E1" s="1" t="s">
        <v>4</v>
      </c>
      <c r="F1" s="1" t="s">
        <v>5</v>
      </c>
      <c r="G1" s="1" t="s">
        <v>6</v>
      </c>
      <c r="H1" s="1" t="s">
        <v>7</v>
      </c>
      <c r="I1" s="1" t="s">
        <v>8</v>
      </c>
    </row>
    <row r="2" spans="1:9" x14ac:dyDescent="0.15">
      <c r="A2" s="2" t="s">
        <v>12</v>
      </c>
      <c r="B2" s="3">
        <v>46083</v>
      </c>
      <c r="C2" s="4" t="s">
        <v>13</v>
      </c>
      <c r="D2" s="5" t="s">
        <v>9</v>
      </c>
      <c r="E2" s="6" t="s">
        <v>10</v>
      </c>
      <c r="F2" s="7" t="s">
        <v>11</v>
      </c>
      <c r="G2" s="8" t="s">
        <v>14</v>
      </c>
      <c r="H2" s="9" t="s">
        <v>15</v>
      </c>
      <c r="I2" s="10">
        <v>2377</v>
      </c>
    </row>
    <row r="3" spans="1:9" x14ac:dyDescent="0.15">
      <c r="A3" s="2" t="s">
        <v>12</v>
      </c>
      <c r="B3" s="3">
        <v>46083</v>
      </c>
      <c r="C3" s="4" t="s">
        <v>13</v>
      </c>
      <c r="D3" s="5" t="s">
        <v>9</v>
      </c>
      <c r="E3" s="6" t="s">
        <v>10</v>
      </c>
      <c r="F3" s="7" t="s">
        <v>11</v>
      </c>
      <c r="G3" s="8" t="s">
        <v>14</v>
      </c>
      <c r="H3" s="9" t="s">
        <v>16</v>
      </c>
      <c r="I3" s="10">
        <v>20922</v>
      </c>
    </row>
    <row r="4" spans="1:9" x14ac:dyDescent="0.15">
      <c r="A4" s="2" t="s">
        <v>12</v>
      </c>
      <c r="B4" s="3">
        <v>46083</v>
      </c>
      <c r="C4" s="4" t="s">
        <v>13</v>
      </c>
      <c r="D4" s="5" t="s">
        <v>9</v>
      </c>
      <c r="E4" s="6" t="s">
        <v>10</v>
      </c>
      <c r="F4" s="7" t="s">
        <v>11</v>
      </c>
      <c r="G4" s="8" t="s">
        <v>17</v>
      </c>
      <c r="H4" s="9" t="s">
        <v>18</v>
      </c>
      <c r="I4" s="10">
        <v>9324</v>
      </c>
    </row>
    <row r="5" spans="1:9" x14ac:dyDescent="0.15">
      <c r="A5" s="2" t="s">
        <v>12</v>
      </c>
      <c r="B5" s="3">
        <v>46083</v>
      </c>
      <c r="C5" s="4" t="s">
        <v>13</v>
      </c>
      <c r="D5" s="5" t="s">
        <v>9</v>
      </c>
      <c r="E5" s="6" t="s">
        <v>10</v>
      </c>
      <c r="F5" s="7" t="s">
        <v>11</v>
      </c>
      <c r="G5" s="8" t="s">
        <v>17</v>
      </c>
      <c r="H5" s="9" t="s">
        <v>19</v>
      </c>
      <c r="I5" s="10">
        <v>5861</v>
      </c>
    </row>
    <row r="6" spans="1:9" x14ac:dyDescent="0.15">
      <c r="A6" s="2" t="s">
        <v>20</v>
      </c>
      <c r="B6" s="3">
        <v>46083</v>
      </c>
      <c r="C6" s="4" t="s">
        <v>13</v>
      </c>
      <c r="D6" s="5" t="s">
        <v>9</v>
      </c>
      <c r="E6" s="6" t="s">
        <v>10</v>
      </c>
      <c r="F6" s="7" t="s">
        <v>11</v>
      </c>
      <c r="G6" s="8" t="s">
        <v>14</v>
      </c>
      <c r="H6" s="9" t="s">
        <v>21</v>
      </c>
      <c r="I6" s="10">
        <v>28530</v>
      </c>
    </row>
    <row r="7" spans="1:9" x14ac:dyDescent="0.15">
      <c r="A7" s="2" t="s">
        <v>20</v>
      </c>
      <c r="B7" s="3">
        <v>46083</v>
      </c>
      <c r="C7" s="4" t="s">
        <v>13</v>
      </c>
      <c r="D7" s="5" t="s">
        <v>9</v>
      </c>
      <c r="E7" s="6" t="s">
        <v>10</v>
      </c>
      <c r="F7" s="7" t="s">
        <v>11</v>
      </c>
      <c r="G7" s="8" t="s">
        <v>14</v>
      </c>
      <c r="H7" s="9" t="s">
        <v>22</v>
      </c>
      <c r="I7" s="10">
        <v>3613</v>
      </c>
    </row>
    <row r="8" spans="1:9" x14ac:dyDescent="0.15">
      <c r="A8" s="2" t="s">
        <v>23</v>
      </c>
      <c r="B8" s="3">
        <v>46083</v>
      </c>
      <c r="C8" s="4" t="s">
        <v>13</v>
      </c>
      <c r="D8" s="5" t="s">
        <v>9</v>
      </c>
      <c r="E8" s="6" t="s">
        <v>10</v>
      </c>
      <c r="F8" s="7" t="s">
        <v>11</v>
      </c>
      <c r="G8" s="8" t="s">
        <v>24</v>
      </c>
      <c r="H8" s="9" t="s">
        <v>25</v>
      </c>
      <c r="I8" s="10">
        <v>16515500</v>
      </c>
    </row>
    <row r="9" spans="1:9" x14ac:dyDescent="0.15">
      <c r="A9" s="2" t="s">
        <v>26</v>
      </c>
      <c r="B9" s="3">
        <v>46083</v>
      </c>
      <c r="C9" s="4" t="s">
        <v>13</v>
      </c>
      <c r="D9" s="5" t="s">
        <v>9</v>
      </c>
      <c r="E9" s="6" t="s">
        <v>10</v>
      </c>
      <c r="F9" s="7" t="s">
        <v>11</v>
      </c>
      <c r="G9" s="8" t="s">
        <v>14</v>
      </c>
      <c r="H9" s="9" t="s">
        <v>16</v>
      </c>
      <c r="I9" s="10">
        <v>26628</v>
      </c>
    </row>
    <row r="10" spans="1:9" x14ac:dyDescent="0.15">
      <c r="A10" s="2" t="s">
        <v>26</v>
      </c>
      <c r="B10" s="3">
        <v>46083</v>
      </c>
      <c r="C10" s="4" t="s">
        <v>13</v>
      </c>
      <c r="D10" s="5" t="s">
        <v>9</v>
      </c>
      <c r="E10" s="6" t="s">
        <v>10</v>
      </c>
      <c r="F10" s="7" t="s">
        <v>11</v>
      </c>
      <c r="G10" s="8" t="s">
        <v>14</v>
      </c>
      <c r="H10" s="9" t="s">
        <v>16</v>
      </c>
      <c r="I10" s="10">
        <v>37089</v>
      </c>
    </row>
    <row r="11" spans="1:9" x14ac:dyDescent="0.15">
      <c r="A11" s="2" t="s">
        <v>26</v>
      </c>
      <c r="B11" s="3">
        <v>46083</v>
      </c>
      <c r="C11" s="4" t="s">
        <v>13</v>
      </c>
      <c r="D11" s="5" t="s">
        <v>9</v>
      </c>
      <c r="E11" s="6" t="s">
        <v>10</v>
      </c>
      <c r="F11" s="7" t="s">
        <v>11</v>
      </c>
      <c r="G11" s="8" t="s">
        <v>14</v>
      </c>
      <c r="H11" s="9" t="s">
        <v>27</v>
      </c>
      <c r="I11" s="10">
        <v>1236</v>
      </c>
    </row>
    <row r="12" spans="1:9" x14ac:dyDescent="0.15">
      <c r="A12" s="2" t="s">
        <v>26</v>
      </c>
      <c r="B12" s="3">
        <v>46083</v>
      </c>
      <c r="C12" s="4" t="s">
        <v>13</v>
      </c>
      <c r="D12" s="5" t="s">
        <v>9</v>
      </c>
      <c r="E12" s="6" t="s">
        <v>10</v>
      </c>
      <c r="F12" s="7" t="s">
        <v>11</v>
      </c>
      <c r="G12" s="8" t="s">
        <v>14</v>
      </c>
      <c r="H12" s="9" t="s">
        <v>27</v>
      </c>
      <c r="I12" s="10">
        <v>3708</v>
      </c>
    </row>
    <row r="13" spans="1:9" x14ac:dyDescent="0.15">
      <c r="A13" s="2" t="s">
        <v>28</v>
      </c>
      <c r="B13" s="3">
        <v>46083</v>
      </c>
      <c r="C13" s="4" t="s">
        <v>13</v>
      </c>
      <c r="D13" s="5" t="s">
        <v>9</v>
      </c>
      <c r="E13" s="6" t="s">
        <v>10</v>
      </c>
      <c r="F13" s="7" t="s">
        <v>11</v>
      </c>
      <c r="G13" s="8" t="s">
        <v>29</v>
      </c>
      <c r="H13" s="9" t="s">
        <v>30</v>
      </c>
      <c r="I13" s="10">
        <v>9570946</v>
      </c>
    </row>
    <row r="14" spans="1:9" x14ac:dyDescent="0.15">
      <c r="A14" s="2" t="s">
        <v>20</v>
      </c>
      <c r="B14" s="3">
        <v>46084</v>
      </c>
      <c r="C14" s="4" t="s">
        <v>13</v>
      </c>
      <c r="D14" s="5" t="s">
        <v>9</v>
      </c>
      <c r="E14" s="6" t="s">
        <v>10</v>
      </c>
      <c r="F14" s="7" t="s">
        <v>11</v>
      </c>
      <c r="G14" s="8" t="s">
        <v>31</v>
      </c>
      <c r="H14" s="9" t="s">
        <v>32</v>
      </c>
      <c r="I14" s="10">
        <v>30864</v>
      </c>
    </row>
    <row r="15" spans="1:9" x14ac:dyDescent="0.15">
      <c r="A15" s="2" t="s">
        <v>28</v>
      </c>
      <c r="B15" s="3">
        <v>46084</v>
      </c>
      <c r="C15" s="4" t="s">
        <v>13</v>
      </c>
      <c r="D15" s="5" t="s">
        <v>9</v>
      </c>
      <c r="E15" s="6" t="s">
        <v>10</v>
      </c>
      <c r="F15" s="7" t="s">
        <v>11</v>
      </c>
      <c r="G15" s="8" t="s">
        <v>33</v>
      </c>
      <c r="H15" s="9" t="s">
        <v>34</v>
      </c>
      <c r="I15" s="10">
        <v>14300</v>
      </c>
    </row>
    <row r="16" spans="1:9" x14ac:dyDescent="0.15">
      <c r="A16" s="2" t="s">
        <v>28</v>
      </c>
      <c r="B16" s="3">
        <v>46084</v>
      </c>
      <c r="C16" s="4" t="s">
        <v>13</v>
      </c>
      <c r="D16" s="5" t="s">
        <v>9</v>
      </c>
      <c r="E16" s="6" t="s">
        <v>10</v>
      </c>
      <c r="F16" s="7" t="s">
        <v>11</v>
      </c>
      <c r="G16" s="8" t="s">
        <v>35</v>
      </c>
      <c r="H16" s="9" t="s">
        <v>34</v>
      </c>
      <c r="I16" s="10">
        <v>2090</v>
      </c>
    </row>
    <row r="17" spans="1:9" x14ac:dyDescent="0.15">
      <c r="A17" s="2" t="s">
        <v>12</v>
      </c>
      <c r="B17" s="3">
        <v>46085</v>
      </c>
      <c r="C17" s="4" t="s">
        <v>13</v>
      </c>
      <c r="D17" s="5" t="s">
        <v>9</v>
      </c>
      <c r="E17" s="6" t="s">
        <v>10</v>
      </c>
      <c r="F17" s="7" t="s">
        <v>11</v>
      </c>
      <c r="G17" s="8" t="s">
        <v>35</v>
      </c>
      <c r="H17" s="9" t="s">
        <v>36</v>
      </c>
      <c r="I17" s="10">
        <v>50050</v>
      </c>
    </row>
    <row r="18" spans="1:9" x14ac:dyDescent="0.15">
      <c r="A18" s="2" t="s">
        <v>12</v>
      </c>
      <c r="B18" s="3">
        <v>46085</v>
      </c>
      <c r="C18" s="4" t="s">
        <v>13</v>
      </c>
      <c r="D18" s="5" t="s">
        <v>9</v>
      </c>
      <c r="E18" s="6" t="s">
        <v>10</v>
      </c>
      <c r="F18" s="7" t="s">
        <v>11</v>
      </c>
      <c r="G18" s="8" t="s">
        <v>17</v>
      </c>
      <c r="H18" s="9" t="s">
        <v>37</v>
      </c>
      <c r="I18" s="10">
        <v>13000</v>
      </c>
    </row>
    <row r="19" spans="1:9" x14ac:dyDescent="0.15">
      <c r="A19" s="2" t="s">
        <v>12</v>
      </c>
      <c r="B19" s="3">
        <v>46085</v>
      </c>
      <c r="C19" s="4" t="s">
        <v>13</v>
      </c>
      <c r="D19" s="5" t="s">
        <v>9</v>
      </c>
      <c r="E19" s="6" t="s">
        <v>10</v>
      </c>
      <c r="F19" s="7" t="s">
        <v>11</v>
      </c>
      <c r="G19" s="8" t="s">
        <v>17</v>
      </c>
      <c r="H19" s="9" t="s">
        <v>37</v>
      </c>
      <c r="I19" s="10">
        <v>4200</v>
      </c>
    </row>
    <row r="20" spans="1:9" x14ac:dyDescent="0.15">
      <c r="A20" s="2" t="s">
        <v>38</v>
      </c>
      <c r="B20" s="3">
        <v>46085</v>
      </c>
      <c r="C20" s="4" t="s">
        <v>13</v>
      </c>
      <c r="D20" s="5" t="s">
        <v>9</v>
      </c>
      <c r="E20" s="6" t="s">
        <v>10</v>
      </c>
      <c r="F20" s="7" t="s">
        <v>11</v>
      </c>
      <c r="G20" s="8" t="s">
        <v>35</v>
      </c>
      <c r="H20" s="9" t="s">
        <v>39</v>
      </c>
      <c r="I20" s="10">
        <v>2915</v>
      </c>
    </row>
    <row r="21" spans="1:9" x14ac:dyDescent="0.15">
      <c r="A21" s="2" t="s">
        <v>23</v>
      </c>
      <c r="B21" s="3">
        <v>46085</v>
      </c>
      <c r="C21" s="4" t="s">
        <v>13</v>
      </c>
      <c r="D21" s="5" t="s">
        <v>9</v>
      </c>
      <c r="E21" s="6" t="s">
        <v>10</v>
      </c>
      <c r="F21" s="7" t="s">
        <v>11</v>
      </c>
      <c r="G21" s="8" t="s">
        <v>24</v>
      </c>
      <c r="H21" s="9" t="s">
        <v>40</v>
      </c>
      <c r="I21" s="10">
        <v>258500</v>
      </c>
    </row>
    <row r="22" spans="1:9" x14ac:dyDescent="0.15">
      <c r="A22" s="2" t="s">
        <v>23</v>
      </c>
      <c r="B22" s="3">
        <v>46085</v>
      </c>
      <c r="C22" s="4" t="s">
        <v>13</v>
      </c>
      <c r="D22" s="5" t="s">
        <v>9</v>
      </c>
      <c r="E22" s="6" t="s">
        <v>10</v>
      </c>
      <c r="F22" s="7" t="s">
        <v>11</v>
      </c>
      <c r="G22" s="8" t="s">
        <v>35</v>
      </c>
      <c r="H22" s="9" t="s">
        <v>41</v>
      </c>
      <c r="I22" s="10">
        <v>54890</v>
      </c>
    </row>
    <row r="23" spans="1:9" x14ac:dyDescent="0.15">
      <c r="A23" s="2" t="s">
        <v>26</v>
      </c>
      <c r="B23" s="3">
        <v>46087</v>
      </c>
      <c r="C23" s="4" t="s">
        <v>13</v>
      </c>
      <c r="D23" s="5" t="s">
        <v>9</v>
      </c>
      <c r="E23" s="6" t="s">
        <v>10</v>
      </c>
      <c r="F23" s="7" t="s">
        <v>11</v>
      </c>
      <c r="G23" s="8" t="s">
        <v>35</v>
      </c>
      <c r="H23" s="9" t="s">
        <v>42</v>
      </c>
      <c r="I23" s="10">
        <v>48400</v>
      </c>
    </row>
    <row r="24" spans="1:9" x14ac:dyDescent="0.15">
      <c r="A24" s="2" t="s">
        <v>26</v>
      </c>
      <c r="B24" s="3">
        <v>46087</v>
      </c>
      <c r="C24" s="4" t="s">
        <v>13</v>
      </c>
      <c r="D24" s="5" t="s">
        <v>9</v>
      </c>
      <c r="E24" s="6" t="s">
        <v>10</v>
      </c>
      <c r="F24" s="7" t="s">
        <v>11</v>
      </c>
      <c r="G24" s="8" t="s">
        <v>35</v>
      </c>
      <c r="H24" s="9" t="s">
        <v>43</v>
      </c>
      <c r="I24" s="10">
        <v>47685</v>
      </c>
    </row>
    <row r="25" spans="1:9" x14ac:dyDescent="0.15">
      <c r="A25" s="2" t="s">
        <v>26</v>
      </c>
      <c r="B25" s="3">
        <v>46087</v>
      </c>
      <c r="C25" s="4" t="s">
        <v>13</v>
      </c>
      <c r="D25" s="5" t="s">
        <v>9</v>
      </c>
      <c r="E25" s="6" t="s">
        <v>10</v>
      </c>
      <c r="F25" s="7" t="s">
        <v>11</v>
      </c>
      <c r="G25" s="8" t="s">
        <v>44</v>
      </c>
      <c r="H25" s="9" t="s">
        <v>45</v>
      </c>
      <c r="I25" s="10">
        <v>16400</v>
      </c>
    </row>
    <row r="26" spans="1:9" x14ac:dyDescent="0.15">
      <c r="A26" s="2" t="s">
        <v>12</v>
      </c>
      <c r="B26" s="3">
        <v>46090</v>
      </c>
      <c r="C26" s="4" t="s">
        <v>13</v>
      </c>
      <c r="D26" s="5" t="s">
        <v>9</v>
      </c>
      <c r="E26" s="6" t="s">
        <v>10</v>
      </c>
      <c r="F26" s="7" t="s">
        <v>11</v>
      </c>
      <c r="G26" s="8" t="s">
        <v>46</v>
      </c>
      <c r="H26" s="9" t="s">
        <v>47</v>
      </c>
      <c r="I26" s="10">
        <v>6836</v>
      </c>
    </row>
    <row r="27" spans="1:9" x14ac:dyDescent="0.15">
      <c r="A27" s="2" t="s">
        <v>12</v>
      </c>
      <c r="B27" s="3">
        <v>46090</v>
      </c>
      <c r="C27" s="4" t="s">
        <v>13</v>
      </c>
      <c r="D27" s="5" t="s">
        <v>9</v>
      </c>
      <c r="E27" s="6" t="s">
        <v>10</v>
      </c>
      <c r="F27" s="7" t="s">
        <v>11</v>
      </c>
      <c r="G27" s="8" t="s">
        <v>46</v>
      </c>
      <c r="H27" s="9" t="s">
        <v>48</v>
      </c>
      <c r="I27" s="10">
        <v>3143</v>
      </c>
    </row>
    <row r="28" spans="1:9" x14ac:dyDescent="0.15">
      <c r="A28" s="2" t="s">
        <v>38</v>
      </c>
      <c r="B28" s="3">
        <v>46090</v>
      </c>
      <c r="C28" s="4" t="s">
        <v>13</v>
      </c>
      <c r="D28" s="5" t="s">
        <v>9</v>
      </c>
      <c r="E28" s="6" t="s">
        <v>10</v>
      </c>
      <c r="F28" s="7" t="s">
        <v>11</v>
      </c>
      <c r="G28" s="8" t="s">
        <v>29</v>
      </c>
      <c r="H28" s="9" t="s">
        <v>49</v>
      </c>
      <c r="I28" s="10">
        <v>226268</v>
      </c>
    </row>
    <row r="29" spans="1:9" x14ac:dyDescent="0.15">
      <c r="A29" s="2" t="s">
        <v>23</v>
      </c>
      <c r="B29" s="3">
        <v>46091</v>
      </c>
      <c r="C29" s="4" t="s">
        <v>13</v>
      </c>
      <c r="D29" s="5" t="s">
        <v>50</v>
      </c>
      <c r="E29" s="6" t="s">
        <v>50</v>
      </c>
      <c r="F29" s="7" t="s">
        <v>51</v>
      </c>
      <c r="G29" s="8" t="s">
        <v>52</v>
      </c>
      <c r="H29" s="9" t="s">
        <v>53</v>
      </c>
      <c r="I29" s="10">
        <v>9820000</v>
      </c>
    </row>
    <row r="30" spans="1:9" x14ac:dyDescent="0.15">
      <c r="A30" s="2" t="s">
        <v>28</v>
      </c>
      <c r="B30" s="3">
        <v>46091</v>
      </c>
      <c r="C30" s="4" t="s">
        <v>13</v>
      </c>
      <c r="D30" s="5" t="s">
        <v>9</v>
      </c>
      <c r="E30" s="6" t="s">
        <v>10</v>
      </c>
      <c r="F30" s="7" t="s">
        <v>11</v>
      </c>
      <c r="G30" s="8" t="s">
        <v>24</v>
      </c>
      <c r="H30" s="9" t="s">
        <v>54</v>
      </c>
      <c r="I30" s="10">
        <v>1133000</v>
      </c>
    </row>
    <row r="31" spans="1:9" x14ac:dyDescent="0.15">
      <c r="A31" s="2" t="s">
        <v>28</v>
      </c>
      <c r="B31" s="3">
        <v>46091</v>
      </c>
      <c r="C31" s="4" t="s">
        <v>13</v>
      </c>
      <c r="D31" s="5" t="s">
        <v>55</v>
      </c>
      <c r="E31" s="6" t="s">
        <v>56</v>
      </c>
      <c r="F31" s="7" t="s">
        <v>57</v>
      </c>
      <c r="G31" s="8" t="s">
        <v>58</v>
      </c>
      <c r="H31" s="9" t="s">
        <v>59</v>
      </c>
      <c r="I31" s="10">
        <v>194700000</v>
      </c>
    </row>
    <row r="32" spans="1:9" x14ac:dyDescent="0.15">
      <c r="A32" s="2" t="s">
        <v>20</v>
      </c>
      <c r="B32" s="3">
        <v>46092</v>
      </c>
      <c r="C32" s="4" t="s">
        <v>13</v>
      </c>
      <c r="D32" s="5" t="s">
        <v>9</v>
      </c>
      <c r="E32" s="6" t="s">
        <v>10</v>
      </c>
      <c r="F32" s="7" t="s">
        <v>11</v>
      </c>
      <c r="G32" s="8" t="s">
        <v>17</v>
      </c>
      <c r="H32" s="9" t="s">
        <v>60</v>
      </c>
      <c r="I32" s="10">
        <v>527</v>
      </c>
    </row>
    <row r="33" spans="1:9" x14ac:dyDescent="0.15">
      <c r="A33" s="2" t="s">
        <v>12</v>
      </c>
      <c r="B33" s="3">
        <v>46094</v>
      </c>
      <c r="C33" s="4" t="s">
        <v>13</v>
      </c>
      <c r="D33" s="5" t="s">
        <v>9</v>
      </c>
      <c r="E33" s="6" t="s">
        <v>10</v>
      </c>
      <c r="F33" s="7" t="s">
        <v>11</v>
      </c>
      <c r="G33" s="8" t="s">
        <v>17</v>
      </c>
      <c r="H33" s="9" t="s">
        <v>61</v>
      </c>
      <c r="I33" s="10">
        <v>78520</v>
      </c>
    </row>
    <row r="34" spans="1:9" x14ac:dyDescent="0.15">
      <c r="A34" s="2" t="s">
        <v>12</v>
      </c>
      <c r="B34" s="3">
        <v>46094</v>
      </c>
      <c r="C34" s="4" t="s">
        <v>13</v>
      </c>
      <c r="D34" s="5" t="s">
        <v>9</v>
      </c>
      <c r="E34" s="6" t="s">
        <v>10</v>
      </c>
      <c r="F34" s="7" t="s">
        <v>11</v>
      </c>
      <c r="G34" s="8" t="s">
        <v>17</v>
      </c>
      <c r="H34" s="9" t="s">
        <v>62</v>
      </c>
      <c r="I34" s="10">
        <v>33402</v>
      </c>
    </row>
    <row r="35" spans="1:9" x14ac:dyDescent="0.15">
      <c r="A35" s="2" t="s">
        <v>12</v>
      </c>
      <c r="B35" s="3">
        <v>46094</v>
      </c>
      <c r="C35" s="4" t="s">
        <v>13</v>
      </c>
      <c r="D35" s="5" t="s">
        <v>9</v>
      </c>
      <c r="E35" s="6" t="s">
        <v>10</v>
      </c>
      <c r="F35" s="7" t="s">
        <v>11</v>
      </c>
      <c r="G35" s="8" t="s">
        <v>17</v>
      </c>
      <c r="H35" s="9" t="s">
        <v>62</v>
      </c>
      <c r="I35" s="10">
        <v>6307</v>
      </c>
    </row>
    <row r="36" spans="1:9" x14ac:dyDescent="0.15">
      <c r="A36" s="2" t="s">
        <v>26</v>
      </c>
      <c r="B36" s="3">
        <v>46094</v>
      </c>
      <c r="C36" s="4" t="s">
        <v>13</v>
      </c>
      <c r="D36" s="5" t="s">
        <v>9</v>
      </c>
      <c r="E36" s="6" t="s">
        <v>10</v>
      </c>
      <c r="F36" s="7" t="s">
        <v>11</v>
      </c>
      <c r="G36" s="8" t="s">
        <v>33</v>
      </c>
      <c r="H36" s="9" t="s">
        <v>63</v>
      </c>
      <c r="I36" s="10">
        <v>9302812</v>
      </c>
    </row>
    <row r="37" spans="1:9" x14ac:dyDescent="0.15">
      <c r="A37" s="2" t="s">
        <v>20</v>
      </c>
      <c r="B37" s="3">
        <v>46097</v>
      </c>
      <c r="C37" s="4" t="s">
        <v>13</v>
      </c>
      <c r="D37" s="5" t="s">
        <v>9</v>
      </c>
      <c r="E37" s="6" t="s">
        <v>10</v>
      </c>
      <c r="F37" s="7" t="s">
        <v>11</v>
      </c>
      <c r="G37" s="8" t="s">
        <v>46</v>
      </c>
      <c r="H37" s="9" t="s">
        <v>64</v>
      </c>
      <c r="I37" s="10">
        <v>18232</v>
      </c>
    </row>
    <row r="38" spans="1:9" x14ac:dyDescent="0.15">
      <c r="A38" s="2" t="s">
        <v>26</v>
      </c>
      <c r="B38" s="3">
        <v>46097</v>
      </c>
      <c r="C38" s="4" t="s">
        <v>13</v>
      </c>
      <c r="D38" s="5" t="s">
        <v>9</v>
      </c>
      <c r="E38" s="6" t="s">
        <v>10</v>
      </c>
      <c r="F38" s="7" t="s">
        <v>11</v>
      </c>
      <c r="G38" s="8" t="s">
        <v>35</v>
      </c>
      <c r="H38" s="9" t="s">
        <v>65</v>
      </c>
      <c r="I38" s="10">
        <v>47850</v>
      </c>
    </row>
    <row r="39" spans="1:9" x14ac:dyDescent="0.15">
      <c r="A39" s="2" t="s">
        <v>26</v>
      </c>
      <c r="B39" s="3">
        <v>46097</v>
      </c>
      <c r="C39" s="4" t="s">
        <v>13</v>
      </c>
      <c r="D39" s="5" t="s">
        <v>9</v>
      </c>
      <c r="E39" s="6" t="s">
        <v>10</v>
      </c>
      <c r="F39" s="7" t="s">
        <v>11</v>
      </c>
      <c r="G39" s="8" t="s">
        <v>35</v>
      </c>
      <c r="H39" s="9" t="s">
        <v>66</v>
      </c>
      <c r="I39" s="10">
        <v>268510</v>
      </c>
    </row>
    <row r="40" spans="1:9" x14ac:dyDescent="0.15">
      <c r="A40" s="2" t="s">
        <v>26</v>
      </c>
      <c r="B40" s="3">
        <v>46097</v>
      </c>
      <c r="C40" s="4" t="s">
        <v>13</v>
      </c>
      <c r="D40" s="5" t="s">
        <v>9</v>
      </c>
      <c r="E40" s="6" t="s">
        <v>10</v>
      </c>
      <c r="F40" s="7" t="s">
        <v>11</v>
      </c>
      <c r="G40" s="8" t="s">
        <v>35</v>
      </c>
      <c r="H40" s="9" t="s">
        <v>66</v>
      </c>
      <c r="I40" s="10">
        <v>320650</v>
      </c>
    </row>
    <row r="41" spans="1:9" x14ac:dyDescent="0.15">
      <c r="A41" s="2" t="s">
        <v>28</v>
      </c>
      <c r="B41" s="3">
        <v>46097</v>
      </c>
      <c r="C41" s="4" t="s">
        <v>13</v>
      </c>
      <c r="D41" s="5" t="s">
        <v>9</v>
      </c>
      <c r="E41" s="6" t="s">
        <v>10</v>
      </c>
      <c r="F41" s="7" t="s">
        <v>11</v>
      </c>
      <c r="G41" s="8" t="s">
        <v>35</v>
      </c>
      <c r="H41" s="9" t="s">
        <v>67</v>
      </c>
      <c r="I41" s="10">
        <v>94644</v>
      </c>
    </row>
    <row r="42" spans="1:9" x14ac:dyDescent="0.15">
      <c r="A42" s="2" t="s">
        <v>12</v>
      </c>
      <c r="B42" s="3">
        <v>46098</v>
      </c>
      <c r="C42" s="4" t="s">
        <v>13</v>
      </c>
      <c r="D42" s="5" t="s">
        <v>9</v>
      </c>
      <c r="E42" s="6" t="s">
        <v>10</v>
      </c>
      <c r="F42" s="7" t="s">
        <v>11</v>
      </c>
      <c r="G42" s="8" t="s">
        <v>68</v>
      </c>
      <c r="H42" s="9" t="s">
        <v>69</v>
      </c>
      <c r="I42" s="10">
        <v>393240</v>
      </c>
    </row>
    <row r="43" spans="1:9" x14ac:dyDescent="0.15">
      <c r="A43" s="2" t="s">
        <v>70</v>
      </c>
      <c r="B43" s="3">
        <v>46098</v>
      </c>
      <c r="C43" s="4" t="s">
        <v>13</v>
      </c>
      <c r="D43" s="5" t="s">
        <v>9</v>
      </c>
      <c r="E43" s="6" t="s">
        <v>10</v>
      </c>
      <c r="F43" s="7" t="s">
        <v>11</v>
      </c>
      <c r="G43" s="8" t="s">
        <v>68</v>
      </c>
      <c r="H43" s="9" t="s">
        <v>71</v>
      </c>
      <c r="I43" s="10">
        <v>32882716</v>
      </c>
    </row>
    <row r="44" spans="1:9" x14ac:dyDescent="0.15">
      <c r="A44" s="2" t="s">
        <v>20</v>
      </c>
      <c r="B44" s="3">
        <v>46098</v>
      </c>
      <c r="C44" s="4" t="s">
        <v>13</v>
      </c>
      <c r="D44" s="5" t="s">
        <v>9</v>
      </c>
      <c r="E44" s="6" t="s">
        <v>10</v>
      </c>
      <c r="F44" s="7" t="s">
        <v>11</v>
      </c>
      <c r="G44" s="8" t="s">
        <v>68</v>
      </c>
      <c r="H44" s="9" t="s">
        <v>69</v>
      </c>
      <c r="I44" s="10">
        <v>654356</v>
      </c>
    </row>
    <row r="45" spans="1:9" x14ac:dyDescent="0.15">
      <c r="A45" s="2" t="s">
        <v>26</v>
      </c>
      <c r="B45" s="3">
        <v>46098</v>
      </c>
      <c r="C45" s="4" t="s">
        <v>13</v>
      </c>
      <c r="D45" s="5" t="s">
        <v>9</v>
      </c>
      <c r="E45" s="6" t="s">
        <v>10</v>
      </c>
      <c r="F45" s="7" t="s">
        <v>11</v>
      </c>
      <c r="G45" s="8" t="s">
        <v>68</v>
      </c>
      <c r="H45" s="9" t="s">
        <v>69</v>
      </c>
      <c r="I45" s="10">
        <v>654356</v>
      </c>
    </row>
    <row r="46" spans="1:9" x14ac:dyDescent="0.15">
      <c r="A46" s="2" t="s">
        <v>28</v>
      </c>
      <c r="B46" s="3">
        <v>46098</v>
      </c>
      <c r="C46" s="4" t="s">
        <v>13</v>
      </c>
      <c r="D46" s="5" t="s">
        <v>9</v>
      </c>
      <c r="E46" s="6" t="s">
        <v>10</v>
      </c>
      <c r="F46" s="7" t="s">
        <v>11</v>
      </c>
      <c r="G46" s="8" t="s">
        <v>35</v>
      </c>
      <c r="H46" s="9" t="s">
        <v>72</v>
      </c>
      <c r="I46" s="10">
        <v>68200</v>
      </c>
    </row>
    <row r="47" spans="1:9" x14ac:dyDescent="0.15">
      <c r="A47" s="2" t="s">
        <v>28</v>
      </c>
      <c r="B47" s="3">
        <v>46098</v>
      </c>
      <c r="C47" s="4" t="s">
        <v>13</v>
      </c>
      <c r="D47" s="5" t="s">
        <v>9</v>
      </c>
      <c r="E47" s="6" t="s">
        <v>10</v>
      </c>
      <c r="F47" s="7" t="s">
        <v>11</v>
      </c>
      <c r="G47" s="8" t="s">
        <v>35</v>
      </c>
      <c r="H47" s="9" t="s">
        <v>72</v>
      </c>
      <c r="I47" s="10">
        <v>90926</v>
      </c>
    </row>
    <row r="48" spans="1:9" x14ac:dyDescent="0.15">
      <c r="A48" s="2" t="s">
        <v>26</v>
      </c>
      <c r="B48" s="3">
        <v>46099</v>
      </c>
      <c r="C48" s="4" t="s">
        <v>13</v>
      </c>
      <c r="D48" s="5" t="s">
        <v>9</v>
      </c>
      <c r="E48" s="6" t="s">
        <v>10</v>
      </c>
      <c r="F48" s="7" t="s">
        <v>11</v>
      </c>
      <c r="G48" s="8" t="s">
        <v>29</v>
      </c>
      <c r="H48" s="9" t="s">
        <v>73</v>
      </c>
      <c r="I48" s="10">
        <v>6220659</v>
      </c>
    </row>
    <row r="49" spans="1:9" x14ac:dyDescent="0.15">
      <c r="A49" s="2" t="s">
        <v>26</v>
      </c>
      <c r="B49" s="3">
        <v>46099</v>
      </c>
      <c r="C49" s="4" t="s">
        <v>13</v>
      </c>
      <c r="D49" s="5" t="s">
        <v>9</v>
      </c>
      <c r="E49" s="6" t="s">
        <v>10</v>
      </c>
      <c r="F49" s="7" t="s">
        <v>11</v>
      </c>
      <c r="G49" s="8" t="s">
        <v>35</v>
      </c>
      <c r="H49" s="9" t="s">
        <v>74</v>
      </c>
      <c r="I49" s="10">
        <v>152636</v>
      </c>
    </row>
    <row r="50" spans="1:9" x14ac:dyDescent="0.15">
      <c r="A50" s="2" t="s">
        <v>12</v>
      </c>
      <c r="B50" s="3">
        <v>46100</v>
      </c>
      <c r="C50" s="4" t="s">
        <v>13</v>
      </c>
      <c r="D50" s="5" t="s">
        <v>9</v>
      </c>
      <c r="E50" s="6" t="s">
        <v>10</v>
      </c>
      <c r="F50" s="7" t="s">
        <v>11</v>
      </c>
      <c r="G50" s="8" t="s">
        <v>31</v>
      </c>
      <c r="H50" s="9" t="s">
        <v>75</v>
      </c>
      <c r="I50" s="10">
        <v>118794</v>
      </c>
    </row>
    <row r="51" spans="1:9" x14ac:dyDescent="0.15">
      <c r="A51" s="2" t="s">
        <v>12</v>
      </c>
      <c r="B51" s="3">
        <v>46100</v>
      </c>
      <c r="C51" s="4" t="s">
        <v>13</v>
      </c>
      <c r="D51" s="5" t="s">
        <v>9</v>
      </c>
      <c r="E51" s="6" t="s">
        <v>10</v>
      </c>
      <c r="F51" s="7" t="s">
        <v>11</v>
      </c>
      <c r="G51" s="8" t="s">
        <v>31</v>
      </c>
      <c r="H51" s="9" t="s">
        <v>75</v>
      </c>
      <c r="I51" s="10">
        <v>53253</v>
      </c>
    </row>
    <row r="52" spans="1:9" x14ac:dyDescent="0.15">
      <c r="A52" s="2" t="s">
        <v>12</v>
      </c>
      <c r="B52" s="3">
        <v>46100</v>
      </c>
      <c r="C52" s="4" t="s">
        <v>13</v>
      </c>
      <c r="D52" s="5" t="s">
        <v>9</v>
      </c>
      <c r="E52" s="6" t="s">
        <v>10</v>
      </c>
      <c r="F52" s="7" t="s">
        <v>11</v>
      </c>
      <c r="G52" s="8" t="s">
        <v>31</v>
      </c>
      <c r="H52" s="9" t="s">
        <v>76</v>
      </c>
      <c r="I52" s="10">
        <v>9458</v>
      </c>
    </row>
    <row r="53" spans="1:9" x14ac:dyDescent="0.15">
      <c r="A53" s="2" t="s">
        <v>12</v>
      </c>
      <c r="B53" s="3">
        <v>46100</v>
      </c>
      <c r="C53" s="4" t="s">
        <v>13</v>
      </c>
      <c r="D53" s="5" t="s">
        <v>9</v>
      </c>
      <c r="E53" s="6" t="s">
        <v>10</v>
      </c>
      <c r="F53" s="7" t="s">
        <v>11</v>
      </c>
      <c r="G53" s="8" t="s">
        <v>31</v>
      </c>
      <c r="H53" s="9" t="s">
        <v>77</v>
      </c>
      <c r="I53" s="10">
        <v>19613</v>
      </c>
    </row>
    <row r="54" spans="1:9" x14ac:dyDescent="0.15">
      <c r="A54" s="2" t="s">
        <v>12</v>
      </c>
      <c r="B54" s="3">
        <v>46100</v>
      </c>
      <c r="C54" s="4" t="s">
        <v>13</v>
      </c>
      <c r="D54" s="5" t="s">
        <v>9</v>
      </c>
      <c r="E54" s="6" t="s">
        <v>10</v>
      </c>
      <c r="F54" s="7" t="s">
        <v>11</v>
      </c>
      <c r="G54" s="8" t="s">
        <v>31</v>
      </c>
      <c r="H54" s="9" t="s">
        <v>75</v>
      </c>
      <c r="I54" s="10">
        <v>7228</v>
      </c>
    </row>
    <row r="55" spans="1:9" x14ac:dyDescent="0.15">
      <c r="A55" s="2" t="s">
        <v>12</v>
      </c>
      <c r="B55" s="3">
        <v>46100</v>
      </c>
      <c r="C55" s="4" t="s">
        <v>13</v>
      </c>
      <c r="D55" s="5" t="s">
        <v>9</v>
      </c>
      <c r="E55" s="6" t="s">
        <v>10</v>
      </c>
      <c r="F55" s="7" t="s">
        <v>11</v>
      </c>
      <c r="G55" s="8" t="s">
        <v>31</v>
      </c>
      <c r="H55" s="9" t="s">
        <v>75</v>
      </c>
      <c r="I55" s="10">
        <v>7228</v>
      </c>
    </row>
    <row r="56" spans="1:9" x14ac:dyDescent="0.15">
      <c r="A56" s="2" t="s">
        <v>12</v>
      </c>
      <c r="B56" s="3">
        <v>46100</v>
      </c>
      <c r="C56" s="4" t="s">
        <v>13</v>
      </c>
      <c r="D56" s="5" t="s">
        <v>9</v>
      </c>
      <c r="E56" s="6" t="s">
        <v>10</v>
      </c>
      <c r="F56" s="7" t="s">
        <v>11</v>
      </c>
      <c r="G56" s="8" t="s">
        <v>31</v>
      </c>
      <c r="H56" s="9" t="s">
        <v>78</v>
      </c>
      <c r="I56" s="10">
        <v>11880</v>
      </c>
    </row>
    <row r="57" spans="1:9" x14ac:dyDescent="0.15">
      <c r="A57" s="2" t="s">
        <v>12</v>
      </c>
      <c r="B57" s="3">
        <v>46100</v>
      </c>
      <c r="C57" s="4" t="s">
        <v>13</v>
      </c>
      <c r="D57" s="5" t="s">
        <v>9</v>
      </c>
      <c r="E57" s="6" t="s">
        <v>10</v>
      </c>
      <c r="F57" s="7" t="s">
        <v>11</v>
      </c>
      <c r="G57" s="8" t="s">
        <v>31</v>
      </c>
      <c r="H57" s="9" t="s">
        <v>78</v>
      </c>
      <c r="I57" s="10">
        <v>5940</v>
      </c>
    </row>
    <row r="58" spans="1:9" x14ac:dyDescent="0.15">
      <c r="A58" s="2" t="s">
        <v>12</v>
      </c>
      <c r="B58" s="3">
        <v>46100</v>
      </c>
      <c r="C58" s="4" t="s">
        <v>13</v>
      </c>
      <c r="D58" s="5" t="s">
        <v>9</v>
      </c>
      <c r="E58" s="6" t="s">
        <v>10</v>
      </c>
      <c r="F58" s="7" t="s">
        <v>11</v>
      </c>
      <c r="G58" s="8" t="s">
        <v>31</v>
      </c>
      <c r="H58" s="9" t="s">
        <v>79</v>
      </c>
      <c r="I58" s="10">
        <v>6930</v>
      </c>
    </row>
    <row r="59" spans="1:9" x14ac:dyDescent="0.15">
      <c r="A59" s="2" t="s">
        <v>12</v>
      </c>
      <c r="B59" s="3">
        <v>46100</v>
      </c>
      <c r="C59" s="4" t="s">
        <v>13</v>
      </c>
      <c r="D59" s="5" t="s">
        <v>9</v>
      </c>
      <c r="E59" s="6" t="s">
        <v>10</v>
      </c>
      <c r="F59" s="7" t="s">
        <v>11</v>
      </c>
      <c r="G59" s="8" t="s">
        <v>31</v>
      </c>
      <c r="H59" s="9" t="s">
        <v>79</v>
      </c>
      <c r="I59" s="10">
        <v>6930</v>
      </c>
    </row>
    <row r="60" spans="1:9" x14ac:dyDescent="0.15">
      <c r="A60" s="2" t="s">
        <v>12</v>
      </c>
      <c r="B60" s="3">
        <v>46100</v>
      </c>
      <c r="C60" s="4" t="s">
        <v>13</v>
      </c>
      <c r="D60" s="5" t="s">
        <v>9</v>
      </c>
      <c r="E60" s="6" t="s">
        <v>10</v>
      </c>
      <c r="F60" s="7" t="s">
        <v>11</v>
      </c>
      <c r="G60" s="8" t="s">
        <v>35</v>
      </c>
      <c r="H60" s="9" t="s">
        <v>80</v>
      </c>
      <c r="I60" s="10">
        <v>44000</v>
      </c>
    </row>
    <row r="61" spans="1:9" x14ac:dyDescent="0.15">
      <c r="A61" s="2" t="s">
        <v>12</v>
      </c>
      <c r="B61" s="3">
        <v>46100</v>
      </c>
      <c r="C61" s="4" t="s">
        <v>13</v>
      </c>
      <c r="D61" s="5" t="s">
        <v>9</v>
      </c>
      <c r="E61" s="6" t="s">
        <v>10</v>
      </c>
      <c r="F61" s="7" t="s">
        <v>11</v>
      </c>
      <c r="G61" s="8" t="s">
        <v>17</v>
      </c>
      <c r="H61" s="9" t="s">
        <v>62</v>
      </c>
      <c r="I61" s="10">
        <v>5515</v>
      </c>
    </row>
    <row r="62" spans="1:9" x14ac:dyDescent="0.15">
      <c r="A62" s="2" t="s">
        <v>38</v>
      </c>
      <c r="B62" s="3">
        <v>46100</v>
      </c>
      <c r="C62" s="4" t="s">
        <v>13</v>
      </c>
      <c r="D62" s="5" t="s">
        <v>9</v>
      </c>
      <c r="E62" s="6" t="s">
        <v>10</v>
      </c>
      <c r="F62" s="7" t="s">
        <v>11</v>
      </c>
      <c r="G62" s="8" t="s">
        <v>35</v>
      </c>
      <c r="H62" s="9" t="s">
        <v>81</v>
      </c>
      <c r="I62" s="10">
        <v>261250</v>
      </c>
    </row>
    <row r="63" spans="1:9" x14ac:dyDescent="0.15">
      <c r="A63" s="2" t="s">
        <v>23</v>
      </c>
      <c r="B63" s="3">
        <v>46100</v>
      </c>
      <c r="C63" s="4" t="s">
        <v>13</v>
      </c>
      <c r="D63" s="5" t="s">
        <v>9</v>
      </c>
      <c r="E63" s="6" t="s">
        <v>10</v>
      </c>
      <c r="F63" s="7" t="s">
        <v>11</v>
      </c>
      <c r="G63" s="8" t="s">
        <v>24</v>
      </c>
      <c r="H63" s="9" t="s">
        <v>82</v>
      </c>
      <c r="I63" s="10">
        <v>875600</v>
      </c>
    </row>
    <row r="64" spans="1:9" x14ac:dyDescent="0.15">
      <c r="A64" s="2" t="s">
        <v>23</v>
      </c>
      <c r="B64" s="3">
        <v>46100</v>
      </c>
      <c r="C64" s="4" t="s">
        <v>13</v>
      </c>
      <c r="D64" s="5" t="s">
        <v>9</v>
      </c>
      <c r="E64" s="6" t="s">
        <v>10</v>
      </c>
      <c r="F64" s="7" t="s">
        <v>11</v>
      </c>
      <c r="G64" s="8" t="s">
        <v>35</v>
      </c>
      <c r="H64" s="9" t="s">
        <v>83</v>
      </c>
      <c r="I64" s="10">
        <v>198748</v>
      </c>
    </row>
    <row r="65" spans="1:9" x14ac:dyDescent="0.15">
      <c r="A65" s="2" t="s">
        <v>23</v>
      </c>
      <c r="B65" s="3">
        <v>46100</v>
      </c>
      <c r="C65" s="4" t="s">
        <v>13</v>
      </c>
      <c r="D65" s="5" t="s">
        <v>9</v>
      </c>
      <c r="E65" s="6" t="s">
        <v>10</v>
      </c>
      <c r="F65" s="7" t="s">
        <v>11</v>
      </c>
      <c r="G65" s="8" t="s">
        <v>35</v>
      </c>
      <c r="H65" s="9" t="s">
        <v>84</v>
      </c>
      <c r="I65" s="10">
        <v>19558</v>
      </c>
    </row>
    <row r="66" spans="1:9" x14ac:dyDescent="0.15">
      <c r="A66" s="2" t="s">
        <v>26</v>
      </c>
      <c r="B66" s="3">
        <v>46100</v>
      </c>
      <c r="C66" s="4" t="s">
        <v>13</v>
      </c>
      <c r="D66" s="5" t="s">
        <v>9</v>
      </c>
      <c r="E66" s="6" t="s">
        <v>10</v>
      </c>
      <c r="F66" s="7" t="s">
        <v>11</v>
      </c>
      <c r="G66" s="8" t="s">
        <v>29</v>
      </c>
      <c r="H66" s="9" t="s">
        <v>85</v>
      </c>
      <c r="I66" s="10">
        <v>10313376</v>
      </c>
    </row>
    <row r="67" spans="1:9" x14ac:dyDescent="0.15">
      <c r="A67" s="2" t="s">
        <v>23</v>
      </c>
      <c r="B67" s="3">
        <v>46104</v>
      </c>
      <c r="C67" s="4" t="s">
        <v>13</v>
      </c>
      <c r="D67" s="5" t="s">
        <v>9</v>
      </c>
      <c r="E67" s="6" t="s">
        <v>10</v>
      </c>
      <c r="F67" s="7" t="s">
        <v>11</v>
      </c>
      <c r="G67" s="8" t="s">
        <v>31</v>
      </c>
      <c r="H67" s="9" t="s">
        <v>86</v>
      </c>
      <c r="I67" s="10">
        <v>25300</v>
      </c>
    </row>
    <row r="68" spans="1:9" x14ac:dyDescent="0.15">
      <c r="A68" s="2" t="s">
        <v>23</v>
      </c>
      <c r="B68" s="3">
        <v>46104</v>
      </c>
      <c r="C68" s="4" t="s">
        <v>13</v>
      </c>
      <c r="D68" s="5" t="s">
        <v>9</v>
      </c>
      <c r="E68" s="6" t="s">
        <v>10</v>
      </c>
      <c r="F68" s="7" t="s">
        <v>11</v>
      </c>
      <c r="G68" s="8" t="s">
        <v>29</v>
      </c>
      <c r="H68" s="9" t="s">
        <v>87</v>
      </c>
      <c r="I68" s="10">
        <v>19487226</v>
      </c>
    </row>
    <row r="69" spans="1:9" x14ac:dyDescent="0.15">
      <c r="A69" s="2" t="s">
        <v>23</v>
      </c>
      <c r="B69" s="3">
        <v>46104</v>
      </c>
      <c r="C69" s="4" t="s">
        <v>13</v>
      </c>
      <c r="D69" s="5" t="s">
        <v>9</v>
      </c>
      <c r="E69" s="6" t="s">
        <v>10</v>
      </c>
      <c r="F69" s="7" t="s">
        <v>11</v>
      </c>
      <c r="G69" s="8" t="s">
        <v>88</v>
      </c>
      <c r="H69" s="9" t="s">
        <v>89</v>
      </c>
      <c r="I69" s="10">
        <v>59840</v>
      </c>
    </row>
    <row r="70" spans="1:9" x14ac:dyDescent="0.15">
      <c r="A70" s="2" t="s">
        <v>26</v>
      </c>
      <c r="B70" s="3">
        <v>46104</v>
      </c>
      <c r="C70" s="4" t="s">
        <v>13</v>
      </c>
      <c r="D70" s="5" t="s">
        <v>9</v>
      </c>
      <c r="E70" s="6" t="s">
        <v>10</v>
      </c>
      <c r="F70" s="7" t="s">
        <v>11</v>
      </c>
      <c r="G70" s="8" t="s">
        <v>44</v>
      </c>
      <c r="H70" s="9" t="s">
        <v>90</v>
      </c>
      <c r="I70" s="10">
        <v>86166</v>
      </c>
    </row>
    <row r="71" spans="1:9" x14ac:dyDescent="0.15">
      <c r="A71" s="2" t="s">
        <v>28</v>
      </c>
      <c r="B71" s="3">
        <v>46104</v>
      </c>
      <c r="C71" s="4" t="s">
        <v>13</v>
      </c>
      <c r="D71" s="5" t="s">
        <v>9</v>
      </c>
      <c r="E71" s="6" t="s">
        <v>10</v>
      </c>
      <c r="F71" s="7" t="s">
        <v>11</v>
      </c>
      <c r="G71" s="8" t="s">
        <v>88</v>
      </c>
      <c r="H71" s="9" t="s">
        <v>91</v>
      </c>
      <c r="I71" s="10">
        <v>645700</v>
      </c>
    </row>
    <row r="72" spans="1:9" x14ac:dyDescent="0.15">
      <c r="A72" s="2" t="s">
        <v>70</v>
      </c>
      <c r="B72" s="3">
        <v>46105</v>
      </c>
      <c r="C72" s="4" t="s">
        <v>13</v>
      </c>
      <c r="D72" s="5" t="s">
        <v>9</v>
      </c>
      <c r="E72" s="6" t="s">
        <v>10</v>
      </c>
      <c r="F72" s="7" t="s">
        <v>11</v>
      </c>
      <c r="G72" s="8" t="s">
        <v>17</v>
      </c>
      <c r="H72" s="9" t="s">
        <v>92</v>
      </c>
      <c r="I72" s="10">
        <v>44</v>
      </c>
    </row>
    <row r="73" spans="1:9" x14ac:dyDescent="0.15">
      <c r="A73" s="2" t="s">
        <v>38</v>
      </c>
      <c r="B73" s="3">
        <v>46105</v>
      </c>
      <c r="C73" s="4" t="s">
        <v>13</v>
      </c>
      <c r="D73" s="5" t="s">
        <v>9</v>
      </c>
      <c r="E73" s="6" t="s">
        <v>10</v>
      </c>
      <c r="F73" s="7" t="s">
        <v>11</v>
      </c>
      <c r="G73" s="8" t="s">
        <v>17</v>
      </c>
      <c r="H73" s="9" t="s">
        <v>93</v>
      </c>
      <c r="I73" s="10">
        <v>25520</v>
      </c>
    </row>
    <row r="74" spans="1:9" x14ac:dyDescent="0.15">
      <c r="A74" s="2" t="s">
        <v>38</v>
      </c>
      <c r="B74" s="3">
        <v>46105</v>
      </c>
      <c r="C74" s="4" t="s">
        <v>13</v>
      </c>
      <c r="D74" s="5" t="s">
        <v>9</v>
      </c>
      <c r="E74" s="6" t="s">
        <v>10</v>
      </c>
      <c r="F74" s="7" t="s">
        <v>11</v>
      </c>
      <c r="G74" s="8" t="s">
        <v>31</v>
      </c>
      <c r="H74" s="9" t="s">
        <v>94</v>
      </c>
      <c r="I74" s="10">
        <v>308880</v>
      </c>
    </row>
    <row r="75" spans="1:9" x14ac:dyDescent="0.15">
      <c r="A75" s="2" t="s">
        <v>38</v>
      </c>
      <c r="B75" s="3">
        <v>46105</v>
      </c>
      <c r="C75" s="4" t="s">
        <v>13</v>
      </c>
      <c r="D75" s="5" t="s">
        <v>9</v>
      </c>
      <c r="E75" s="6" t="s">
        <v>10</v>
      </c>
      <c r="F75" s="7" t="s">
        <v>11</v>
      </c>
      <c r="G75" s="8" t="s">
        <v>31</v>
      </c>
      <c r="H75" s="9" t="s">
        <v>95</v>
      </c>
      <c r="I75" s="10">
        <v>65670</v>
      </c>
    </row>
    <row r="76" spans="1:9" x14ac:dyDescent="0.15">
      <c r="A76" s="2" t="s">
        <v>38</v>
      </c>
      <c r="B76" s="3">
        <v>46105</v>
      </c>
      <c r="C76" s="4" t="s">
        <v>13</v>
      </c>
      <c r="D76" s="5" t="s">
        <v>9</v>
      </c>
      <c r="E76" s="6" t="s">
        <v>10</v>
      </c>
      <c r="F76" s="7" t="s">
        <v>11</v>
      </c>
      <c r="G76" s="8" t="s">
        <v>96</v>
      </c>
      <c r="H76" s="9" t="s">
        <v>97</v>
      </c>
      <c r="I76" s="10">
        <v>1725</v>
      </c>
    </row>
    <row r="77" spans="1:9" x14ac:dyDescent="0.15">
      <c r="A77" s="2" t="s">
        <v>38</v>
      </c>
      <c r="B77" s="3">
        <v>46105</v>
      </c>
      <c r="C77" s="4" t="s">
        <v>13</v>
      </c>
      <c r="D77" s="5" t="s">
        <v>9</v>
      </c>
      <c r="E77" s="6" t="s">
        <v>10</v>
      </c>
      <c r="F77" s="7" t="s">
        <v>11</v>
      </c>
      <c r="G77" s="8" t="s">
        <v>96</v>
      </c>
      <c r="H77" s="9" t="s">
        <v>97</v>
      </c>
      <c r="I77" s="10">
        <v>2740</v>
      </c>
    </row>
    <row r="78" spans="1:9" x14ac:dyDescent="0.15">
      <c r="A78" s="2" t="s">
        <v>38</v>
      </c>
      <c r="B78" s="3">
        <v>46105</v>
      </c>
      <c r="C78" s="4" t="s">
        <v>13</v>
      </c>
      <c r="D78" s="5" t="s">
        <v>9</v>
      </c>
      <c r="E78" s="6" t="s">
        <v>10</v>
      </c>
      <c r="F78" s="7" t="s">
        <v>11</v>
      </c>
      <c r="G78" s="8" t="s">
        <v>96</v>
      </c>
      <c r="H78" s="9" t="s">
        <v>97</v>
      </c>
      <c r="I78" s="10">
        <v>1450</v>
      </c>
    </row>
    <row r="79" spans="1:9" x14ac:dyDescent="0.15">
      <c r="A79" s="2" t="s">
        <v>38</v>
      </c>
      <c r="B79" s="3">
        <v>46105</v>
      </c>
      <c r="C79" s="4" t="s">
        <v>13</v>
      </c>
      <c r="D79" s="5" t="s">
        <v>9</v>
      </c>
      <c r="E79" s="6" t="s">
        <v>10</v>
      </c>
      <c r="F79" s="7" t="s">
        <v>11</v>
      </c>
      <c r="G79" s="8" t="s">
        <v>96</v>
      </c>
      <c r="H79" s="9" t="s">
        <v>97</v>
      </c>
      <c r="I79" s="10">
        <v>2030</v>
      </c>
    </row>
    <row r="80" spans="1:9" x14ac:dyDescent="0.15">
      <c r="A80" s="2" t="s">
        <v>38</v>
      </c>
      <c r="B80" s="3">
        <v>46105</v>
      </c>
      <c r="C80" s="4" t="s">
        <v>13</v>
      </c>
      <c r="D80" s="5" t="s">
        <v>9</v>
      </c>
      <c r="E80" s="6" t="s">
        <v>10</v>
      </c>
      <c r="F80" s="7" t="s">
        <v>11</v>
      </c>
      <c r="G80" s="8" t="s">
        <v>96</v>
      </c>
      <c r="H80" s="9" t="s">
        <v>97</v>
      </c>
      <c r="I80" s="10">
        <v>800</v>
      </c>
    </row>
    <row r="81" spans="1:9" x14ac:dyDescent="0.15">
      <c r="A81" s="2" t="s">
        <v>38</v>
      </c>
      <c r="B81" s="3">
        <v>46105</v>
      </c>
      <c r="C81" s="4" t="s">
        <v>13</v>
      </c>
      <c r="D81" s="5" t="s">
        <v>9</v>
      </c>
      <c r="E81" s="6" t="s">
        <v>10</v>
      </c>
      <c r="F81" s="7" t="s">
        <v>11</v>
      </c>
      <c r="G81" s="8" t="s">
        <v>96</v>
      </c>
      <c r="H81" s="9" t="s">
        <v>97</v>
      </c>
      <c r="I81" s="10">
        <v>600</v>
      </c>
    </row>
    <row r="82" spans="1:9" x14ac:dyDescent="0.15">
      <c r="A82" s="2" t="s">
        <v>38</v>
      </c>
      <c r="B82" s="3">
        <v>46105</v>
      </c>
      <c r="C82" s="4" t="s">
        <v>13</v>
      </c>
      <c r="D82" s="5" t="s">
        <v>9</v>
      </c>
      <c r="E82" s="6" t="s">
        <v>10</v>
      </c>
      <c r="F82" s="7" t="s">
        <v>11</v>
      </c>
      <c r="G82" s="8" t="s">
        <v>96</v>
      </c>
      <c r="H82" s="9" t="s">
        <v>97</v>
      </c>
      <c r="I82" s="10">
        <v>1560</v>
      </c>
    </row>
    <row r="83" spans="1:9" x14ac:dyDescent="0.15">
      <c r="A83" s="2" t="s">
        <v>38</v>
      </c>
      <c r="B83" s="3">
        <v>46105</v>
      </c>
      <c r="C83" s="4" t="s">
        <v>13</v>
      </c>
      <c r="D83" s="5" t="s">
        <v>9</v>
      </c>
      <c r="E83" s="6" t="s">
        <v>10</v>
      </c>
      <c r="F83" s="7" t="s">
        <v>11</v>
      </c>
      <c r="G83" s="8" t="s">
        <v>17</v>
      </c>
      <c r="H83" s="9" t="s">
        <v>98</v>
      </c>
      <c r="I83" s="10">
        <v>55000</v>
      </c>
    </row>
    <row r="84" spans="1:9" x14ac:dyDescent="0.15">
      <c r="A84" s="2" t="s">
        <v>12</v>
      </c>
      <c r="B84" s="3">
        <v>46106</v>
      </c>
      <c r="C84" s="4" t="s">
        <v>13</v>
      </c>
      <c r="D84" s="5" t="s">
        <v>9</v>
      </c>
      <c r="E84" s="6" t="s">
        <v>10</v>
      </c>
      <c r="F84" s="7" t="s">
        <v>11</v>
      </c>
      <c r="G84" s="8" t="s">
        <v>35</v>
      </c>
      <c r="H84" s="9" t="s">
        <v>99</v>
      </c>
      <c r="I84" s="10">
        <v>13877</v>
      </c>
    </row>
    <row r="85" spans="1:9" x14ac:dyDescent="0.15">
      <c r="A85" s="2" t="s">
        <v>12</v>
      </c>
      <c r="B85" s="3">
        <v>46106</v>
      </c>
      <c r="C85" s="4" t="s">
        <v>13</v>
      </c>
      <c r="D85" s="5" t="s">
        <v>9</v>
      </c>
      <c r="E85" s="6" t="s">
        <v>10</v>
      </c>
      <c r="F85" s="7" t="s">
        <v>11</v>
      </c>
      <c r="G85" s="8" t="s">
        <v>35</v>
      </c>
      <c r="H85" s="9" t="s">
        <v>99</v>
      </c>
      <c r="I85" s="10">
        <v>26563</v>
      </c>
    </row>
    <row r="86" spans="1:9" x14ac:dyDescent="0.15">
      <c r="A86" s="2" t="s">
        <v>12</v>
      </c>
      <c r="B86" s="3">
        <v>46106</v>
      </c>
      <c r="C86" s="4" t="s">
        <v>13</v>
      </c>
      <c r="D86" s="5" t="s">
        <v>9</v>
      </c>
      <c r="E86" s="6" t="s">
        <v>10</v>
      </c>
      <c r="F86" s="7" t="s">
        <v>11</v>
      </c>
      <c r="G86" s="8" t="s">
        <v>35</v>
      </c>
      <c r="H86" s="9" t="s">
        <v>100</v>
      </c>
      <c r="I86" s="10">
        <v>36703</v>
      </c>
    </row>
    <row r="87" spans="1:9" x14ac:dyDescent="0.15">
      <c r="A87" s="2" t="s">
        <v>12</v>
      </c>
      <c r="B87" s="3">
        <v>46106</v>
      </c>
      <c r="C87" s="4" t="s">
        <v>13</v>
      </c>
      <c r="D87" s="5" t="s">
        <v>9</v>
      </c>
      <c r="E87" s="6" t="s">
        <v>10</v>
      </c>
      <c r="F87" s="7" t="s">
        <v>11</v>
      </c>
      <c r="G87" s="8" t="s">
        <v>46</v>
      </c>
      <c r="H87" s="9" t="s">
        <v>101</v>
      </c>
      <c r="I87" s="10">
        <v>6215636</v>
      </c>
    </row>
    <row r="88" spans="1:9" x14ac:dyDescent="0.15">
      <c r="A88" s="2" t="s">
        <v>12</v>
      </c>
      <c r="B88" s="3">
        <v>46106</v>
      </c>
      <c r="C88" s="4" t="s">
        <v>13</v>
      </c>
      <c r="D88" s="5" t="s">
        <v>9</v>
      </c>
      <c r="E88" s="6" t="s">
        <v>10</v>
      </c>
      <c r="F88" s="7" t="s">
        <v>11</v>
      </c>
      <c r="G88" s="8" t="s">
        <v>46</v>
      </c>
      <c r="H88" s="9" t="s">
        <v>101</v>
      </c>
      <c r="I88" s="10">
        <v>4204729</v>
      </c>
    </row>
    <row r="89" spans="1:9" x14ac:dyDescent="0.15">
      <c r="A89" s="2" t="s">
        <v>12</v>
      </c>
      <c r="B89" s="3">
        <v>46106</v>
      </c>
      <c r="C89" s="4" t="s">
        <v>13</v>
      </c>
      <c r="D89" s="5" t="s">
        <v>9</v>
      </c>
      <c r="E89" s="6" t="s">
        <v>10</v>
      </c>
      <c r="F89" s="7" t="s">
        <v>11</v>
      </c>
      <c r="G89" s="8" t="s">
        <v>46</v>
      </c>
      <c r="H89" s="9" t="s">
        <v>102</v>
      </c>
      <c r="I89" s="10">
        <v>1539131</v>
      </c>
    </row>
    <row r="90" spans="1:9" x14ac:dyDescent="0.15">
      <c r="A90" s="2" t="s">
        <v>12</v>
      </c>
      <c r="B90" s="3">
        <v>46106</v>
      </c>
      <c r="C90" s="4" t="s">
        <v>13</v>
      </c>
      <c r="D90" s="5" t="s">
        <v>9</v>
      </c>
      <c r="E90" s="6" t="s">
        <v>10</v>
      </c>
      <c r="F90" s="7" t="s">
        <v>11</v>
      </c>
      <c r="G90" s="8" t="s">
        <v>46</v>
      </c>
      <c r="H90" s="9" t="s">
        <v>102</v>
      </c>
      <c r="I90" s="10">
        <v>328317</v>
      </c>
    </row>
    <row r="91" spans="1:9" x14ac:dyDescent="0.15">
      <c r="A91" s="2" t="s">
        <v>70</v>
      </c>
      <c r="B91" s="3">
        <v>46106</v>
      </c>
      <c r="C91" s="4" t="s">
        <v>13</v>
      </c>
      <c r="D91" s="5" t="s">
        <v>50</v>
      </c>
      <c r="E91" s="6" t="s">
        <v>50</v>
      </c>
      <c r="F91" s="7" t="s">
        <v>103</v>
      </c>
      <c r="G91" s="8" t="s">
        <v>104</v>
      </c>
      <c r="H91" s="9" t="s">
        <v>105</v>
      </c>
      <c r="I91" s="10">
        <v>700000000</v>
      </c>
    </row>
    <row r="92" spans="1:9" x14ac:dyDescent="0.15">
      <c r="A92" s="2" t="s">
        <v>20</v>
      </c>
      <c r="B92" s="3">
        <v>46106</v>
      </c>
      <c r="C92" s="4" t="s">
        <v>13</v>
      </c>
      <c r="D92" s="5" t="s">
        <v>9</v>
      </c>
      <c r="E92" s="6" t="s">
        <v>10</v>
      </c>
      <c r="F92" s="7" t="s">
        <v>11</v>
      </c>
      <c r="G92" s="8" t="s">
        <v>31</v>
      </c>
      <c r="H92" s="9" t="s">
        <v>106</v>
      </c>
      <c r="I92" s="10">
        <v>2843359</v>
      </c>
    </row>
    <row r="93" spans="1:9" x14ac:dyDescent="0.15">
      <c r="A93" s="2" t="s">
        <v>20</v>
      </c>
      <c r="B93" s="3">
        <v>46106</v>
      </c>
      <c r="C93" s="4" t="s">
        <v>13</v>
      </c>
      <c r="D93" s="5" t="s">
        <v>9</v>
      </c>
      <c r="E93" s="6" t="s">
        <v>10</v>
      </c>
      <c r="F93" s="7" t="s">
        <v>11</v>
      </c>
      <c r="G93" s="8" t="s">
        <v>31</v>
      </c>
      <c r="H93" s="9" t="s">
        <v>107</v>
      </c>
      <c r="I93" s="10">
        <v>7689</v>
      </c>
    </row>
    <row r="94" spans="1:9" x14ac:dyDescent="0.15">
      <c r="A94" s="2" t="s">
        <v>20</v>
      </c>
      <c r="B94" s="3">
        <v>46106</v>
      </c>
      <c r="C94" s="4" t="s">
        <v>13</v>
      </c>
      <c r="D94" s="5" t="s">
        <v>9</v>
      </c>
      <c r="E94" s="6" t="s">
        <v>10</v>
      </c>
      <c r="F94" s="7" t="s">
        <v>11</v>
      </c>
      <c r="G94" s="8" t="s">
        <v>29</v>
      </c>
      <c r="H94" s="9" t="s">
        <v>108</v>
      </c>
      <c r="I94" s="10">
        <v>27756740</v>
      </c>
    </row>
    <row r="95" spans="1:9" x14ac:dyDescent="0.15">
      <c r="A95" s="2" t="s">
        <v>20</v>
      </c>
      <c r="B95" s="3">
        <v>46106</v>
      </c>
      <c r="C95" s="4" t="s">
        <v>13</v>
      </c>
      <c r="D95" s="5" t="s">
        <v>9</v>
      </c>
      <c r="E95" s="6" t="s">
        <v>10</v>
      </c>
      <c r="F95" s="7" t="s">
        <v>11</v>
      </c>
      <c r="G95" s="8" t="s">
        <v>33</v>
      </c>
      <c r="H95" s="9" t="s">
        <v>109</v>
      </c>
      <c r="I95" s="10">
        <v>12947466</v>
      </c>
    </row>
    <row r="96" spans="1:9" x14ac:dyDescent="0.15">
      <c r="A96" s="2" t="s">
        <v>23</v>
      </c>
      <c r="B96" s="3">
        <v>46106</v>
      </c>
      <c r="C96" s="4" t="s">
        <v>13</v>
      </c>
      <c r="D96" s="5" t="s">
        <v>9</v>
      </c>
      <c r="E96" s="6" t="s">
        <v>10</v>
      </c>
      <c r="F96" s="7" t="s">
        <v>11</v>
      </c>
      <c r="G96" s="8" t="s">
        <v>24</v>
      </c>
      <c r="H96" s="9" t="s">
        <v>110</v>
      </c>
      <c r="I96" s="10">
        <v>726000</v>
      </c>
    </row>
    <row r="97" spans="1:9" x14ac:dyDescent="0.15">
      <c r="A97" s="2" t="s">
        <v>26</v>
      </c>
      <c r="B97" s="3">
        <v>46106</v>
      </c>
      <c r="C97" s="4" t="s">
        <v>13</v>
      </c>
      <c r="D97" s="5" t="s">
        <v>9</v>
      </c>
      <c r="E97" s="6" t="s">
        <v>10</v>
      </c>
      <c r="F97" s="7" t="s">
        <v>11</v>
      </c>
      <c r="G97" s="8" t="s">
        <v>31</v>
      </c>
      <c r="H97" s="9" t="s">
        <v>111</v>
      </c>
      <c r="I97" s="10">
        <v>5126</v>
      </c>
    </row>
    <row r="98" spans="1:9" x14ac:dyDescent="0.15">
      <c r="A98" s="2" t="s">
        <v>26</v>
      </c>
      <c r="B98" s="3">
        <v>46106</v>
      </c>
      <c r="C98" s="4" t="s">
        <v>13</v>
      </c>
      <c r="D98" s="5" t="s">
        <v>9</v>
      </c>
      <c r="E98" s="6" t="s">
        <v>10</v>
      </c>
      <c r="F98" s="7" t="s">
        <v>11</v>
      </c>
      <c r="G98" s="8" t="s">
        <v>46</v>
      </c>
      <c r="H98" s="9" t="s">
        <v>112</v>
      </c>
      <c r="I98" s="10">
        <v>352</v>
      </c>
    </row>
    <row r="99" spans="1:9" x14ac:dyDescent="0.15">
      <c r="A99" s="2" t="s">
        <v>26</v>
      </c>
      <c r="B99" s="3">
        <v>46106</v>
      </c>
      <c r="C99" s="4" t="s">
        <v>13</v>
      </c>
      <c r="D99" s="5" t="s">
        <v>9</v>
      </c>
      <c r="E99" s="6" t="s">
        <v>10</v>
      </c>
      <c r="F99" s="7" t="s">
        <v>11</v>
      </c>
      <c r="G99" s="8" t="s">
        <v>46</v>
      </c>
      <c r="H99" s="9" t="s">
        <v>113</v>
      </c>
      <c r="I99" s="10">
        <v>3821</v>
      </c>
    </row>
    <row r="100" spans="1:9" x14ac:dyDescent="0.15">
      <c r="A100" s="2" t="s">
        <v>28</v>
      </c>
      <c r="B100" s="3">
        <v>46106</v>
      </c>
      <c r="C100" s="4" t="s">
        <v>13</v>
      </c>
      <c r="D100" s="5" t="s">
        <v>55</v>
      </c>
      <c r="E100" s="6" t="s">
        <v>114</v>
      </c>
      <c r="F100" s="7" t="s">
        <v>115</v>
      </c>
      <c r="G100" s="8" t="s">
        <v>116</v>
      </c>
      <c r="H100" s="9" t="s">
        <v>117</v>
      </c>
      <c r="I100" s="10">
        <v>630399</v>
      </c>
    </row>
    <row r="101" spans="1:9" x14ac:dyDescent="0.15">
      <c r="A101" s="2" t="s">
        <v>12</v>
      </c>
      <c r="B101" s="3">
        <v>46107</v>
      </c>
      <c r="C101" s="4" t="s">
        <v>13</v>
      </c>
      <c r="D101" s="5" t="s">
        <v>9</v>
      </c>
      <c r="E101" s="6" t="s">
        <v>10</v>
      </c>
      <c r="F101" s="7" t="s">
        <v>11</v>
      </c>
      <c r="G101" s="8" t="s">
        <v>46</v>
      </c>
      <c r="H101" s="9" t="s">
        <v>118</v>
      </c>
      <c r="I101" s="10">
        <v>896027</v>
      </c>
    </row>
    <row r="102" spans="1:9" x14ac:dyDescent="0.15">
      <c r="A102" s="2" t="s">
        <v>12</v>
      </c>
      <c r="B102" s="3">
        <v>46107</v>
      </c>
      <c r="C102" s="4" t="s">
        <v>13</v>
      </c>
      <c r="D102" s="5" t="s">
        <v>9</v>
      </c>
      <c r="E102" s="6" t="s">
        <v>10</v>
      </c>
      <c r="F102" s="7" t="s">
        <v>11</v>
      </c>
      <c r="G102" s="8" t="s">
        <v>46</v>
      </c>
      <c r="H102" s="9" t="s">
        <v>118</v>
      </c>
      <c r="I102" s="10">
        <v>120186</v>
      </c>
    </row>
    <row r="103" spans="1:9" x14ac:dyDescent="0.15">
      <c r="A103" s="2" t="s">
        <v>38</v>
      </c>
      <c r="B103" s="3">
        <v>46107</v>
      </c>
      <c r="C103" s="4" t="s">
        <v>13</v>
      </c>
      <c r="D103" s="5" t="s">
        <v>9</v>
      </c>
      <c r="E103" s="6" t="s">
        <v>10</v>
      </c>
      <c r="F103" s="7" t="s">
        <v>11</v>
      </c>
      <c r="G103" s="8" t="s">
        <v>96</v>
      </c>
      <c r="H103" s="9" t="s">
        <v>119</v>
      </c>
      <c r="I103" s="10">
        <v>2920</v>
      </c>
    </row>
    <row r="104" spans="1:9" x14ac:dyDescent="0.15">
      <c r="A104" s="2" t="s">
        <v>38</v>
      </c>
      <c r="B104" s="3">
        <v>46107</v>
      </c>
      <c r="C104" s="4" t="s">
        <v>13</v>
      </c>
      <c r="D104" s="5" t="s">
        <v>9</v>
      </c>
      <c r="E104" s="6" t="s">
        <v>10</v>
      </c>
      <c r="F104" s="7" t="s">
        <v>11</v>
      </c>
      <c r="G104" s="8" t="s">
        <v>96</v>
      </c>
      <c r="H104" s="9" t="s">
        <v>119</v>
      </c>
      <c r="I104" s="10">
        <v>3280</v>
      </c>
    </row>
    <row r="105" spans="1:9" x14ac:dyDescent="0.15">
      <c r="A105" s="2" t="s">
        <v>26</v>
      </c>
      <c r="B105" s="3">
        <v>46107</v>
      </c>
      <c r="C105" s="4" t="s">
        <v>13</v>
      </c>
      <c r="D105" s="5" t="s">
        <v>9</v>
      </c>
      <c r="E105" s="6" t="s">
        <v>10</v>
      </c>
      <c r="F105" s="7" t="s">
        <v>11</v>
      </c>
      <c r="G105" s="8" t="s">
        <v>17</v>
      </c>
      <c r="H105" s="9" t="s">
        <v>120</v>
      </c>
      <c r="I105" s="10">
        <v>198000</v>
      </c>
    </row>
    <row r="106" spans="1:9" x14ac:dyDescent="0.15">
      <c r="A106" s="2" t="s">
        <v>12</v>
      </c>
      <c r="B106" s="3">
        <v>46108</v>
      </c>
      <c r="C106" s="4" t="s">
        <v>13</v>
      </c>
      <c r="D106" s="5" t="s">
        <v>9</v>
      </c>
      <c r="E106" s="6" t="s">
        <v>10</v>
      </c>
      <c r="F106" s="7" t="s">
        <v>11</v>
      </c>
      <c r="G106" s="8" t="s">
        <v>31</v>
      </c>
      <c r="H106" s="9" t="s">
        <v>121</v>
      </c>
      <c r="I106" s="10">
        <v>776358</v>
      </c>
    </row>
    <row r="107" spans="1:9" x14ac:dyDescent="0.15">
      <c r="A107" s="2" t="s">
        <v>12</v>
      </c>
      <c r="B107" s="3">
        <v>46108</v>
      </c>
      <c r="C107" s="4" t="s">
        <v>13</v>
      </c>
      <c r="D107" s="5" t="s">
        <v>9</v>
      </c>
      <c r="E107" s="6" t="s">
        <v>10</v>
      </c>
      <c r="F107" s="7" t="s">
        <v>11</v>
      </c>
      <c r="G107" s="8" t="s">
        <v>29</v>
      </c>
      <c r="H107" s="9" t="s">
        <v>122</v>
      </c>
      <c r="I107" s="10">
        <v>213483</v>
      </c>
    </row>
    <row r="108" spans="1:9" x14ac:dyDescent="0.15">
      <c r="A108" s="2" t="s">
        <v>12</v>
      </c>
      <c r="B108" s="3">
        <v>46108</v>
      </c>
      <c r="C108" s="4" t="s">
        <v>13</v>
      </c>
      <c r="D108" s="5" t="s">
        <v>9</v>
      </c>
      <c r="E108" s="6" t="s">
        <v>10</v>
      </c>
      <c r="F108" s="7" t="s">
        <v>11</v>
      </c>
      <c r="G108" s="8" t="s">
        <v>35</v>
      </c>
      <c r="H108" s="9" t="s">
        <v>123</v>
      </c>
      <c r="I108" s="10">
        <v>171710</v>
      </c>
    </row>
    <row r="109" spans="1:9" x14ac:dyDescent="0.15">
      <c r="A109" s="2" t="s">
        <v>12</v>
      </c>
      <c r="B109" s="3">
        <v>46108</v>
      </c>
      <c r="C109" s="4" t="s">
        <v>13</v>
      </c>
      <c r="D109" s="5" t="s">
        <v>9</v>
      </c>
      <c r="E109" s="6" t="s">
        <v>10</v>
      </c>
      <c r="F109" s="7" t="s">
        <v>11</v>
      </c>
      <c r="G109" s="8" t="s">
        <v>44</v>
      </c>
      <c r="H109" s="9" t="s">
        <v>124</v>
      </c>
      <c r="I109" s="10">
        <v>34370</v>
      </c>
    </row>
    <row r="110" spans="1:9" x14ac:dyDescent="0.15">
      <c r="A110" s="2" t="s">
        <v>12</v>
      </c>
      <c r="B110" s="3">
        <v>46108</v>
      </c>
      <c r="C110" s="4" t="s">
        <v>13</v>
      </c>
      <c r="D110" s="5" t="s">
        <v>9</v>
      </c>
      <c r="E110" s="6" t="s">
        <v>10</v>
      </c>
      <c r="F110" s="7" t="s">
        <v>11</v>
      </c>
      <c r="G110" s="8" t="s">
        <v>96</v>
      </c>
      <c r="H110" s="9" t="s">
        <v>125</v>
      </c>
      <c r="I110" s="10">
        <v>3800</v>
      </c>
    </row>
    <row r="111" spans="1:9" x14ac:dyDescent="0.15">
      <c r="A111" s="2" t="s">
        <v>12</v>
      </c>
      <c r="B111" s="3">
        <v>46108</v>
      </c>
      <c r="C111" s="4" t="s">
        <v>13</v>
      </c>
      <c r="D111" s="5" t="s">
        <v>9</v>
      </c>
      <c r="E111" s="6" t="s">
        <v>10</v>
      </c>
      <c r="F111" s="7" t="s">
        <v>11</v>
      </c>
      <c r="G111" s="8" t="s">
        <v>96</v>
      </c>
      <c r="H111" s="9" t="s">
        <v>125</v>
      </c>
      <c r="I111" s="10">
        <v>2880</v>
      </c>
    </row>
    <row r="112" spans="1:9" x14ac:dyDescent="0.15">
      <c r="A112" s="2" t="s">
        <v>12</v>
      </c>
      <c r="B112" s="3">
        <v>46108</v>
      </c>
      <c r="C112" s="4" t="s">
        <v>13</v>
      </c>
      <c r="D112" s="5" t="s">
        <v>9</v>
      </c>
      <c r="E112" s="6" t="s">
        <v>10</v>
      </c>
      <c r="F112" s="7" t="s">
        <v>11</v>
      </c>
      <c r="G112" s="8" t="s">
        <v>96</v>
      </c>
      <c r="H112" s="9" t="s">
        <v>125</v>
      </c>
      <c r="I112" s="10">
        <v>2040</v>
      </c>
    </row>
    <row r="113" spans="1:9" x14ac:dyDescent="0.15">
      <c r="A113" s="2" t="s">
        <v>12</v>
      </c>
      <c r="B113" s="3">
        <v>46108</v>
      </c>
      <c r="C113" s="4" t="s">
        <v>13</v>
      </c>
      <c r="D113" s="5" t="s">
        <v>9</v>
      </c>
      <c r="E113" s="6" t="s">
        <v>10</v>
      </c>
      <c r="F113" s="7" t="s">
        <v>11</v>
      </c>
      <c r="G113" s="8" t="s">
        <v>96</v>
      </c>
      <c r="H113" s="9" t="s">
        <v>125</v>
      </c>
      <c r="I113" s="10">
        <v>400</v>
      </c>
    </row>
    <row r="114" spans="1:9" x14ac:dyDescent="0.15">
      <c r="A114" s="2" t="s">
        <v>12</v>
      </c>
      <c r="B114" s="3">
        <v>46108</v>
      </c>
      <c r="C114" s="4" t="s">
        <v>13</v>
      </c>
      <c r="D114" s="5" t="s">
        <v>9</v>
      </c>
      <c r="E114" s="6" t="s">
        <v>10</v>
      </c>
      <c r="F114" s="7" t="s">
        <v>11</v>
      </c>
      <c r="G114" s="8" t="s">
        <v>96</v>
      </c>
      <c r="H114" s="9" t="s">
        <v>125</v>
      </c>
      <c r="I114" s="10">
        <v>4302</v>
      </c>
    </row>
    <row r="115" spans="1:9" x14ac:dyDescent="0.15">
      <c r="A115" s="2" t="s">
        <v>12</v>
      </c>
      <c r="B115" s="3">
        <v>46108</v>
      </c>
      <c r="C115" s="4" t="s">
        <v>13</v>
      </c>
      <c r="D115" s="5" t="s">
        <v>9</v>
      </c>
      <c r="E115" s="6" t="s">
        <v>10</v>
      </c>
      <c r="F115" s="7" t="s">
        <v>11</v>
      </c>
      <c r="G115" s="8" t="s">
        <v>96</v>
      </c>
      <c r="H115" s="9" t="s">
        <v>125</v>
      </c>
      <c r="I115" s="10">
        <v>1380</v>
      </c>
    </row>
    <row r="116" spans="1:9" x14ac:dyDescent="0.15">
      <c r="A116" s="2" t="s">
        <v>12</v>
      </c>
      <c r="B116" s="3">
        <v>46108</v>
      </c>
      <c r="C116" s="4" t="s">
        <v>13</v>
      </c>
      <c r="D116" s="5" t="s">
        <v>9</v>
      </c>
      <c r="E116" s="6" t="s">
        <v>10</v>
      </c>
      <c r="F116" s="7" t="s">
        <v>11</v>
      </c>
      <c r="G116" s="8" t="s">
        <v>96</v>
      </c>
      <c r="H116" s="9" t="s">
        <v>125</v>
      </c>
      <c r="I116" s="10">
        <v>3480</v>
      </c>
    </row>
    <row r="117" spans="1:9" x14ac:dyDescent="0.15">
      <c r="A117" s="2" t="s">
        <v>12</v>
      </c>
      <c r="B117" s="3">
        <v>46108</v>
      </c>
      <c r="C117" s="4" t="s">
        <v>13</v>
      </c>
      <c r="D117" s="5" t="s">
        <v>9</v>
      </c>
      <c r="E117" s="6" t="s">
        <v>10</v>
      </c>
      <c r="F117" s="7" t="s">
        <v>11</v>
      </c>
      <c r="G117" s="8" t="s">
        <v>96</v>
      </c>
      <c r="H117" s="9" t="s">
        <v>125</v>
      </c>
      <c r="I117" s="10">
        <v>1380</v>
      </c>
    </row>
    <row r="118" spans="1:9" x14ac:dyDescent="0.15">
      <c r="A118" s="2" t="s">
        <v>12</v>
      </c>
      <c r="B118" s="3">
        <v>46108</v>
      </c>
      <c r="C118" s="4" t="s">
        <v>13</v>
      </c>
      <c r="D118" s="5" t="s">
        <v>9</v>
      </c>
      <c r="E118" s="6" t="s">
        <v>10</v>
      </c>
      <c r="F118" s="7" t="s">
        <v>11</v>
      </c>
      <c r="G118" s="8" t="s">
        <v>96</v>
      </c>
      <c r="H118" s="9" t="s">
        <v>125</v>
      </c>
      <c r="I118" s="10">
        <v>1872</v>
      </c>
    </row>
    <row r="119" spans="1:9" x14ac:dyDescent="0.15">
      <c r="A119" s="2" t="s">
        <v>12</v>
      </c>
      <c r="B119" s="3">
        <v>46108</v>
      </c>
      <c r="C119" s="4" t="s">
        <v>13</v>
      </c>
      <c r="D119" s="5" t="s">
        <v>9</v>
      </c>
      <c r="E119" s="6" t="s">
        <v>10</v>
      </c>
      <c r="F119" s="7" t="s">
        <v>11</v>
      </c>
      <c r="G119" s="8" t="s">
        <v>96</v>
      </c>
      <c r="H119" s="9" t="s">
        <v>125</v>
      </c>
      <c r="I119" s="10">
        <v>480</v>
      </c>
    </row>
    <row r="120" spans="1:9" x14ac:dyDescent="0.15">
      <c r="A120" s="2" t="s">
        <v>12</v>
      </c>
      <c r="B120" s="3">
        <v>46108</v>
      </c>
      <c r="C120" s="4" t="s">
        <v>13</v>
      </c>
      <c r="D120" s="5" t="s">
        <v>9</v>
      </c>
      <c r="E120" s="6" t="s">
        <v>10</v>
      </c>
      <c r="F120" s="7" t="s">
        <v>11</v>
      </c>
      <c r="G120" s="8" t="s">
        <v>96</v>
      </c>
      <c r="H120" s="9" t="s">
        <v>125</v>
      </c>
      <c r="I120" s="10">
        <v>480</v>
      </c>
    </row>
    <row r="121" spans="1:9" x14ac:dyDescent="0.15">
      <c r="A121" s="2" t="s">
        <v>12</v>
      </c>
      <c r="B121" s="3">
        <v>46108</v>
      </c>
      <c r="C121" s="4" t="s">
        <v>13</v>
      </c>
      <c r="D121" s="5" t="s">
        <v>9</v>
      </c>
      <c r="E121" s="6" t="s">
        <v>10</v>
      </c>
      <c r="F121" s="7" t="s">
        <v>11</v>
      </c>
      <c r="G121" s="8" t="s">
        <v>17</v>
      </c>
      <c r="H121" s="9" t="s">
        <v>126</v>
      </c>
      <c r="I121" s="10">
        <v>3710</v>
      </c>
    </row>
    <row r="122" spans="1:9" x14ac:dyDescent="0.15">
      <c r="A122" s="2" t="s">
        <v>12</v>
      </c>
      <c r="B122" s="3">
        <v>46108</v>
      </c>
      <c r="C122" s="4" t="s">
        <v>13</v>
      </c>
      <c r="D122" s="5" t="s">
        <v>9</v>
      </c>
      <c r="E122" s="6" t="s">
        <v>10</v>
      </c>
      <c r="F122" s="7" t="s">
        <v>11</v>
      </c>
      <c r="G122" s="8" t="s">
        <v>17</v>
      </c>
      <c r="H122" s="9" t="s">
        <v>126</v>
      </c>
      <c r="I122" s="10">
        <v>11360</v>
      </c>
    </row>
    <row r="123" spans="1:9" x14ac:dyDescent="0.15">
      <c r="A123" s="2" t="s">
        <v>12</v>
      </c>
      <c r="B123" s="3">
        <v>46108</v>
      </c>
      <c r="C123" s="4" t="s">
        <v>13</v>
      </c>
      <c r="D123" s="5" t="s">
        <v>9</v>
      </c>
      <c r="E123" s="6" t="s">
        <v>10</v>
      </c>
      <c r="F123" s="7" t="s">
        <v>11</v>
      </c>
      <c r="G123" s="8" t="s">
        <v>17</v>
      </c>
      <c r="H123" s="9" t="s">
        <v>61</v>
      </c>
      <c r="I123" s="10">
        <v>2819</v>
      </c>
    </row>
    <row r="124" spans="1:9" x14ac:dyDescent="0.15">
      <c r="A124" s="2" t="s">
        <v>12</v>
      </c>
      <c r="B124" s="3">
        <v>46108</v>
      </c>
      <c r="C124" s="4" t="s">
        <v>13</v>
      </c>
      <c r="D124" s="5" t="s">
        <v>9</v>
      </c>
      <c r="E124" s="6" t="s">
        <v>10</v>
      </c>
      <c r="F124" s="7" t="s">
        <v>11</v>
      </c>
      <c r="G124" s="8" t="s">
        <v>17</v>
      </c>
      <c r="H124" s="9" t="s">
        <v>61</v>
      </c>
      <c r="I124" s="10">
        <v>2865</v>
      </c>
    </row>
    <row r="125" spans="1:9" x14ac:dyDescent="0.15">
      <c r="A125" s="2" t="s">
        <v>12</v>
      </c>
      <c r="B125" s="3">
        <v>46108</v>
      </c>
      <c r="C125" s="4" t="s">
        <v>13</v>
      </c>
      <c r="D125" s="5" t="s">
        <v>9</v>
      </c>
      <c r="E125" s="6" t="s">
        <v>10</v>
      </c>
      <c r="F125" s="7" t="s">
        <v>11</v>
      </c>
      <c r="G125" s="8" t="s">
        <v>17</v>
      </c>
      <c r="H125" s="9" t="s">
        <v>61</v>
      </c>
      <c r="I125" s="10">
        <v>17651</v>
      </c>
    </row>
    <row r="126" spans="1:9" x14ac:dyDescent="0.15">
      <c r="A126" s="2" t="s">
        <v>38</v>
      </c>
      <c r="B126" s="3">
        <v>46108</v>
      </c>
      <c r="C126" s="4" t="s">
        <v>13</v>
      </c>
      <c r="D126" s="5" t="s">
        <v>9</v>
      </c>
      <c r="E126" s="6" t="s">
        <v>10</v>
      </c>
      <c r="F126" s="7" t="s">
        <v>11</v>
      </c>
      <c r="G126" s="8" t="s">
        <v>35</v>
      </c>
      <c r="H126" s="9" t="s">
        <v>127</v>
      </c>
      <c r="I126" s="10">
        <v>5280</v>
      </c>
    </row>
    <row r="127" spans="1:9" x14ac:dyDescent="0.15">
      <c r="A127" s="2" t="s">
        <v>20</v>
      </c>
      <c r="B127" s="3">
        <v>46108</v>
      </c>
      <c r="C127" s="4" t="s">
        <v>13</v>
      </c>
      <c r="D127" s="5" t="s">
        <v>9</v>
      </c>
      <c r="E127" s="6" t="s">
        <v>10</v>
      </c>
      <c r="F127" s="7" t="s">
        <v>11</v>
      </c>
      <c r="G127" s="8" t="s">
        <v>29</v>
      </c>
      <c r="H127" s="9" t="s">
        <v>128</v>
      </c>
      <c r="I127" s="10">
        <v>11601664</v>
      </c>
    </row>
    <row r="128" spans="1:9" x14ac:dyDescent="0.15">
      <c r="A128" s="2" t="s">
        <v>20</v>
      </c>
      <c r="B128" s="3">
        <v>46108</v>
      </c>
      <c r="C128" s="4" t="s">
        <v>13</v>
      </c>
      <c r="D128" s="5" t="s">
        <v>9</v>
      </c>
      <c r="E128" s="6" t="s">
        <v>10</v>
      </c>
      <c r="F128" s="7" t="s">
        <v>11</v>
      </c>
      <c r="G128" s="8" t="s">
        <v>35</v>
      </c>
      <c r="H128" s="9" t="s">
        <v>129</v>
      </c>
      <c r="I128" s="10">
        <v>16060</v>
      </c>
    </row>
    <row r="129" spans="1:9" x14ac:dyDescent="0.15">
      <c r="A129" s="2" t="s">
        <v>20</v>
      </c>
      <c r="B129" s="3">
        <v>46108</v>
      </c>
      <c r="C129" s="4" t="s">
        <v>13</v>
      </c>
      <c r="D129" s="5" t="s">
        <v>9</v>
      </c>
      <c r="E129" s="6" t="s">
        <v>10</v>
      </c>
      <c r="F129" s="7" t="s">
        <v>11</v>
      </c>
      <c r="G129" s="8" t="s">
        <v>96</v>
      </c>
      <c r="H129" s="9" t="s">
        <v>130</v>
      </c>
      <c r="I129" s="10">
        <v>680</v>
      </c>
    </row>
    <row r="130" spans="1:9" x14ac:dyDescent="0.15">
      <c r="A130" s="2" t="s">
        <v>20</v>
      </c>
      <c r="B130" s="3">
        <v>46108</v>
      </c>
      <c r="C130" s="4" t="s">
        <v>13</v>
      </c>
      <c r="D130" s="5" t="s">
        <v>9</v>
      </c>
      <c r="E130" s="6" t="s">
        <v>10</v>
      </c>
      <c r="F130" s="7" t="s">
        <v>11</v>
      </c>
      <c r="G130" s="8" t="s">
        <v>96</v>
      </c>
      <c r="H130" s="9" t="s">
        <v>131</v>
      </c>
      <c r="I130" s="10">
        <v>1299</v>
      </c>
    </row>
    <row r="131" spans="1:9" x14ac:dyDescent="0.15">
      <c r="A131" s="2" t="s">
        <v>20</v>
      </c>
      <c r="B131" s="3">
        <v>46108</v>
      </c>
      <c r="C131" s="4" t="s">
        <v>13</v>
      </c>
      <c r="D131" s="5" t="s">
        <v>9</v>
      </c>
      <c r="E131" s="6" t="s">
        <v>10</v>
      </c>
      <c r="F131" s="7" t="s">
        <v>11</v>
      </c>
      <c r="G131" s="8" t="s">
        <v>96</v>
      </c>
      <c r="H131" s="9" t="s">
        <v>131</v>
      </c>
      <c r="I131" s="10">
        <v>1404</v>
      </c>
    </row>
    <row r="132" spans="1:9" x14ac:dyDescent="0.15">
      <c r="A132" s="2" t="s">
        <v>20</v>
      </c>
      <c r="B132" s="3">
        <v>46108</v>
      </c>
      <c r="C132" s="4" t="s">
        <v>13</v>
      </c>
      <c r="D132" s="5" t="s">
        <v>9</v>
      </c>
      <c r="E132" s="6" t="s">
        <v>10</v>
      </c>
      <c r="F132" s="7" t="s">
        <v>11</v>
      </c>
      <c r="G132" s="8" t="s">
        <v>96</v>
      </c>
      <c r="H132" s="9" t="s">
        <v>131</v>
      </c>
      <c r="I132" s="10">
        <v>680</v>
      </c>
    </row>
    <row r="133" spans="1:9" x14ac:dyDescent="0.15">
      <c r="A133" s="2" t="s">
        <v>20</v>
      </c>
      <c r="B133" s="3">
        <v>46108</v>
      </c>
      <c r="C133" s="4" t="s">
        <v>13</v>
      </c>
      <c r="D133" s="5" t="s">
        <v>9</v>
      </c>
      <c r="E133" s="6" t="s">
        <v>10</v>
      </c>
      <c r="F133" s="7" t="s">
        <v>11</v>
      </c>
      <c r="G133" s="8" t="s">
        <v>96</v>
      </c>
      <c r="H133" s="9" t="s">
        <v>131</v>
      </c>
      <c r="I133" s="10">
        <v>380</v>
      </c>
    </row>
    <row r="134" spans="1:9" x14ac:dyDescent="0.15">
      <c r="A134" s="2" t="s">
        <v>20</v>
      </c>
      <c r="B134" s="3">
        <v>46108</v>
      </c>
      <c r="C134" s="4" t="s">
        <v>13</v>
      </c>
      <c r="D134" s="5" t="s">
        <v>9</v>
      </c>
      <c r="E134" s="6" t="s">
        <v>10</v>
      </c>
      <c r="F134" s="7" t="s">
        <v>11</v>
      </c>
      <c r="G134" s="8" t="s">
        <v>96</v>
      </c>
      <c r="H134" s="9" t="s">
        <v>131</v>
      </c>
      <c r="I134" s="10">
        <v>400</v>
      </c>
    </row>
    <row r="135" spans="1:9" x14ac:dyDescent="0.15">
      <c r="A135" s="2" t="s">
        <v>20</v>
      </c>
      <c r="B135" s="3">
        <v>46108</v>
      </c>
      <c r="C135" s="4" t="s">
        <v>13</v>
      </c>
      <c r="D135" s="5" t="s">
        <v>9</v>
      </c>
      <c r="E135" s="6" t="s">
        <v>10</v>
      </c>
      <c r="F135" s="7" t="s">
        <v>11</v>
      </c>
      <c r="G135" s="8" t="s">
        <v>96</v>
      </c>
      <c r="H135" s="9" t="s">
        <v>131</v>
      </c>
      <c r="I135" s="10">
        <v>580</v>
      </c>
    </row>
    <row r="136" spans="1:9" x14ac:dyDescent="0.15">
      <c r="A136" s="2" t="s">
        <v>20</v>
      </c>
      <c r="B136" s="3">
        <v>46108</v>
      </c>
      <c r="C136" s="4" t="s">
        <v>13</v>
      </c>
      <c r="D136" s="5" t="s">
        <v>9</v>
      </c>
      <c r="E136" s="6" t="s">
        <v>10</v>
      </c>
      <c r="F136" s="7" t="s">
        <v>11</v>
      </c>
      <c r="G136" s="8" t="s">
        <v>96</v>
      </c>
      <c r="H136" s="9" t="s">
        <v>131</v>
      </c>
      <c r="I136" s="10">
        <v>200</v>
      </c>
    </row>
    <row r="137" spans="1:9" x14ac:dyDescent="0.15">
      <c r="A137" s="2" t="s">
        <v>20</v>
      </c>
      <c r="B137" s="3">
        <v>46108</v>
      </c>
      <c r="C137" s="4" t="s">
        <v>13</v>
      </c>
      <c r="D137" s="5" t="s">
        <v>9</v>
      </c>
      <c r="E137" s="6" t="s">
        <v>10</v>
      </c>
      <c r="F137" s="7" t="s">
        <v>11</v>
      </c>
      <c r="G137" s="8" t="s">
        <v>96</v>
      </c>
      <c r="H137" s="9" t="s">
        <v>131</v>
      </c>
      <c r="I137" s="10">
        <v>180</v>
      </c>
    </row>
    <row r="138" spans="1:9" x14ac:dyDescent="0.15">
      <c r="A138" s="2" t="s">
        <v>20</v>
      </c>
      <c r="B138" s="3">
        <v>46108</v>
      </c>
      <c r="C138" s="4" t="s">
        <v>13</v>
      </c>
      <c r="D138" s="5" t="s">
        <v>9</v>
      </c>
      <c r="E138" s="6" t="s">
        <v>10</v>
      </c>
      <c r="F138" s="7" t="s">
        <v>11</v>
      </c>
      <c r="G138" s="8" t="s">
        <v>96</v>
      </c>
      <c r="H138" s="9" t="s">
        <v>131</v>
      </c>
      <c r="I138" s="10">
        <v>480</v>
      </c>
    </row>
    <row r="139" spans="1:9" x14ac:dyDescent="0.15">
      <c r="A139" s="2" t="s">
        <v>20</v>
      </c>
      <c r="B139" s="3">
        <v>46108</v>
      </c>
      <c r="C139" s="4" t="s">
        <v>13</v>
      </c>
      <c r="D139" s="5" t="s">
        <v>9</v>
      </c>
      <c r="E139" s="6" t="s">
        <v>10</v>
      </c>
      <c r="F139" s="7" t="s">
        <v>11</v>
      </c>
      <c r="G139" s="8" t="s">
        <v>96</v>
      </c>
      <c r="H139" s="9" t="s">
        <v>131</v>
      </c>
      <c r="I139" s="10">
        <v>380</v>
      </c>
    </row>
    <row r="140" spans="1:9" x14ac:dyDescent="0.15">
      <c r="A140" s="2" t="s">
        <v>20</v>
      </c>
      <c r="B140" s="3">
        <v>46108</v>
      </c>
      <c r="C140" s="4" t="s">
        <v>13</v>
      </c>
      <c r="D140" s="5" t="s">
        <v>9</v>
      </c>
      <c r="E140" s="6" t="s">
        <v>10</v>
      </c>
      <c r="F140" s="7" t="s">
        <v>11</v>
      </c>
      <c r="G140" s="8" t="s">
        <v>17</v>
      </c>
      <c r="H140" s="9" t="s">
        <v>132</v>
      </c>
      <c r="I140" s="10">
        <v>196020</v>
      </c>
    </row>
    <row r="141" spans="1:9" x14ac:dyDescent="0.15">
      <c r="A141" s="2" t="s">
        <v>23</v>
      </c>
      <c r="B141" s="3">
        <v>46108</v>
      </c>
      <c r="C141" s="4" t="s">
        <v>13</v>
      </c>
      <c r="D141" s="5" t="s">
        <v>9</v>
      </c>
      <c r="E141" s="6" t="s">
        <v>10</v>
      </c>
      <c r="F141" s="7" t="s">
        <v>11</v>
      </c>
      <c r="G141" s="8" t="s">
        <v>133</v>
      </c>
      <c r="H141" s="9" t="s">
        <v>134</v>
      </c>
      <c r="I141" s="10">
        <v>100650</v>
      </c>
    </row>
    <row r="142" spans="1:9" x14ac:dyDescent="0.15">
      <c r="A142" s="2" t="s">
        <v>23</v>
      </c>
      <c r="B142" s="3">
        <v>46108</v>
      </c>
      <c r="C142" s="4" t="s">
        <v>13</v>
      </c>
      <c r="D142" s="5" t="s">
        <v>9</v>
      </c>
      <c r="E142" s="6" t="s">
        <v>10</v>
      </c>
      <c r="F142" s="7" t="s">
        <v>11</v>
      </c>
      <c r="G142" s="8" t="s">
        <v>35</v>
      </c>
      <c r="H142" s="9" t="s">
        <v>135</v>
      </c>
      <c r="I142" s="10">
        <v>22440</v>
      </c>
    </row>
    <row r="143" spans="1:9" x14ac:dyDescent="0.15">
      <c r="A143" s="2" t="s">
        <v>23</v>
      </c>
      <c r="B143" s="3">
        <v>46108</v>
      </c>
      <c r="C143" s="4" t="s">
        <v>13</v>
      </c>
      <c r="D143" s="5" t="s">
        <v>55</v>
      </c>
      <c r="E143" s="6" t="s">
        <v>114</v>
      </c>
      <c r="F143" s="7" t="s">
        <v>115</v>
      </c>
      <c r="G143" s="8" t="s">
        <v>116</v>
      </c>
      <c r="H143" s="9" t="s">
        <v>136</v>
      </c>
      <c r="I143" s="10">
        <v>630421</v>
      </c>
    </row>
    <row r="144" spans="1:9" x14ac:dyDescent="0.15">
      <c r="A144" s="2" t="s">
        <v>23</v>
      </c>
      <c r="B144" s="3">
        <v>46108</v>
      </c>
      <c r="C144" s="4" t="s">
        <v>13</v>
      </c>
      <c r="D144" s="5" t="s">
        <v>9</v>
      </c>
      <c r="E144" s="6" t="s">
        <v>10</v>
      </c>
      <c r="F144" s="7" t="s">
        <v>11</v>
      </c>
      <c r="G144" s="8" t="s">
        <v>35</v>
      </c>
      <c r="H144" s="9" t="s">
        <v>137</v>
      </c>
      <c r="I144" s="10">
        <v>59400</v>
      </c>
    </row>
    <row r="145" spans="1:9" x14ac:dyDescent="0.15">
      <c r="A145" s="2" t="s">
        <v>23</v>
      </c>
      <c r="B145" s="3">
        <v>46108</v>
      </c>
      <c r="C145" s="4" t="s">
        <v>13</v>
      </c>
      <c r="D145" s="5" t="s">
        <v>9</v>
      </c>
      <c r="E145" s="6" t="s">
        <v>10</v>
      </c>
      <c r="F145" s="7" t="s">
        <v>11</v>
      </c>
      <c r="G145" s="8" t="s">
        <v>24</v>
      </c>
      <c r="H145" s="9" t="s">
        <v>138</v>
      </c>
      <c r="I145" s="10">
        <v>1078000</v>
      </c>
    </row>
    <row r="146" spans="1:9" x14ac:dyDescent="0.15">
      <c r="A146" s="2" t="s">
        <v>26</v>
      </c>
      <c r="B146" s="3">
        <v>46108</v>
      </c>
      <c r="C146" s="4" t="s">
        <v>13</v>
      </c>
      <c r="D146" s="5" t="s">
        <v>9</v>
      </c>
      <c r="E146" s="6" t="s">
        <v>10</v>
      </c>
      <c r="F146" s="7" t="s">
        <v>11</v>
      </c>
      <c r="G146" s="8" t="s">
        <v>35</v>
      </c>
      <c r="H146" s="9" t="s">
        <v>139</v>
      </c>
      <c r="I146" s="10">
        <v>37290</v>
      </c>
    </row>
    <row r="147" spans="1:9" x14ac:dyDescent="0.15">
      <c r="A147" s="2" t="s">
        <v>26</v>
      </c>
      <c r="B147" s="3">
        <v>46108</v>
      </c>
      <c r="C147" s="4" t="s">
        <v>13</v>
      </c>
      <c r="D147" s="5" t="s">
        <v>9</v>
      </c>
      <c r="E147" s="6" t="s">
        <v>10</v>
      </c>
      <c r="F147" s="7" t="s">
        <v>11</v>
      </c>
      <c r="G147" s="8" t="s">
        <v>96</v>
      </c>
      <c r="H147" s="9" t="s">
        <v>140</v>
      </c>
      <c r="I147" s="10">
        <v>480</v>
      </c>
    </row>
    <row r="148" spans="1:9" x14ac:dyDescent="0.15">
      <c r="A148" s="2" t="s">
        <v>26</v>
      </c>
      <c r="B148" s="3">
        <v>46108</v>
      </c>
      <c r="C148" s="4" t="s">
        <v>13</v>
      </c>
      <c r="D148" s="5" t="s">
        <v>9</v>
      </c>
      <c r="E148" s="6" t="s">
        <v>10</v>
      </c>
      <c r="F148" s="7" t="s">
        <v>11</v>
      </c>
      <c r="G148" s="8" t="s">
        <v>96</v>
      </c>
      <c r="H148" s="9" t="s">
        <v>140</v>
      </c>
      <c r="I148" s="10">
        <v>1300</v>
      </c>
    </row>
    <row r="149" spans="1:9" x14ac:dyDescent="0.15">
      <c r="A149" s="2" t="s">
        <v>26</v>
      </c>
      <c r="B149" s="3">
        <v>46108</v>
      </c>
      <c r="C149" s="4" t="s">
        <v>13</v>
      </c>
      <c r="D149" s="5" t="s">
        <v>9</v>
      </c>
      <c r="E149" s="6" t="s">
        <v>10</v>
      </c>
      <c r="F149" s="7" t="s">
        <v>11</v>
      </c>
      <c r="G149" s="8" t="s">
        <v>96</v>
      </c>
      <c r="H149" s="9" t="s">
        <v>140</v>
      </c>
      <c r="I149" s="10">
        <v>900</v>
      </c>
    </row>
    <row r="150" spans="1:9" x14ac:dyDescent="0.15">
      <c r="A150" s="2" t="s">
        <v>26</v>
      </c>
      <c r="B150" s="3">
        <v>46108</v>
      </c>
      <c r="C150" s="4" t="s">
        <v>13</v>
      </c>
      <c r="D150" s="5" t="s">
        <v>9</v>
      </c>
      <c r="E150" s="6" t="s">
        <v>10</v>
      </c>
      <c r="F150" s="7" t="s">
        <v>11</v>
      </c>
      <c r="G150" s="8" t="s">
        <v>96</v>
      </c>
      <c r="H150" s="9" t="s">
        <v>140</v>
      </c>
      <c r="I150" s="10">
        <v>1200</v>
      </c>
    </row>
    <row r="151" spans="1:9" x14ac:dyDescent="0.15">
      <c r="A151" s="2" t="s">
        <v>26</v>
      </c>
      <c r="B151" s="3">
        <v>46108</v>
      </c>
      <c r="C151" s="4" t="s">
        <v>13</v>
      </c>
      <c r="D151" s="5" t="s">
        <v>9</v>
      </c>
      <c r="E151" s="6" t="s">
        <v>10</v>
      </c>
      <c r="F151" s="7" t="s">
        <v>11</v>
      </c>
      <c r="G151" s="8" t="s">
        <v>96</v>
      </c>
      <c r="H151" s="9" t="s">
        <v>140</v>
      </c>
      <c r="I151" s="10">
        <v>1030</v>
      </c>
    </row>
    <row r="152" spans="1:9" x14ac:dyDescent="0.15">
      <c r="A152" s="2" t="s">
        <v>26</v>
      </c>
      <c r="B152" s="3">
        <v>46108</v>
      </c>
      <c r="C152" s="4" t="s">
        <v>13</v>
      </c>
      <c r="D152" s="5" t="s">
        <v>9</v>
      </c>
      <c r="E152" s="6" t="s">
        <v>10</v>
      </c>
      <c r="F152" s="7" t="s">
        <v>11</v>
      </c>
      <c r="G152" s="8" t="s">
        <v>96</v>
      </c>
      <c r="H152" s="9" t="s">
        <v>140</v>
      </c>
      <c r="I152" s="10">
        <v>360</v>
      </c>
    </row>
    <row r="153" spans="1:9" x14ac:dyDescent="0.15">
      <c r="A153" s="2" t="s">
        <v>26</v>
      </c>
      <c r="B153" s="3">
        <v>46108</v>
      </c>
      <c r="C153" s="4" t="s">
        <v>13</v>
      </c>
      <c r="D153" s="5" t="s">
        <v>9</v>
      </c>
      <c r="E153" s="6" t="s">
        <v>10</v>
      </c>
      <c r="F153" s="7" t="s">
        <v>11</v>
      </c>
      <c r="G153" s="8" t="s">
        <v>96</v>
      </c>
      <c r="H153" s="9" t="s">
        <v>140</v>
      </c>
      <c r="I153" s="10">
        <v>486</v>
      </c>
    </row>
    <row r="154" spans="1:9" x14ac:dyDescent="0.15">
      <c r="A154" s="2" t="s">
        <v>26</v>
      </c>
      <c r="B154" s="3">
        <v>46108</v>
      </c>
      <c r="C154" s="4" t="s">
        <v>13</v>
      </c>
      <c r="D154" s="5" t="s">
        <v>9</v>
      </c>
      <c r="E154" s="6" t="s">
        <v>10</v>
      </c>
      <c r="F154" s="7" t="s">
        <v>11</v>
      </c>
      <c r="G154" s="8" t="s">
        <v>96</v>
      </c>
      <c r="H154" s="9" t="s">
        <v>140</v>
      </c>
      <c r="I154" s="10">
        <v>440</v>
      </c>
    </row>
    <row r="155" spans="1:9" x14ac:dyDescent="0.15">
      <c r="A155" s="2" t="s">
        <v>26</v>
      </c>
      <c r="B155" s="3">
        <v>46108</v>
      </c>
      <c r="C155" s="4" t="s">
        <v>13</v>
      </c>
      <c r="D155" s="5" t="s">
        <v>9</v>
      </c>
      <c r="E155" s="6" t="s">
        <v>10</v>
      </c>
      <c r="F155" s="7" t="s">
        <v>11</v>
      </c>
      <c r="G155" s="8" t="s">
        <v>96</v>
      </c>
      <c r="H155" s="9" t="s">
        <v>140</v>
      </c>
      <c r="I155" s="10">
        <v>1390</v>
      </c>
    </row>
    <row r="156" spans="1:9" x14ac:dyDescent="0.15">
      <c r="A156" s="2" t="s">
        <v>26</v>
      </c>
      <c r="B156" s="3">
        <v>46108</v>
      </c>
      <c r="C156" s="4" t="s">
        <v>13</v>
      </c>
      <c r="D156" s="5" t="s">
        <v>9</v>
      </c>
      <c r="E156" s="6" t="s">
        <v>10</v>
      </c>
      <c r="F156" s="7" t="s">
        <v>11</v>
      </c>
      <c r="G156" s="8" t="s">
        <v>96</v>
      </c>
      <c r="H156" s="9" t="s">
        <v>140</v>
      </c>
      <c r="I156" s="10">
        <v>380</v>
      </c>
    </row>
    <row r="157" spans="1:9" x14ac:dyDescent="0.15">
      <c r="A157" s="2" t="s">
        <v>26</v>
      </c>
      <c r="B157" s="3">
        <v>46108</v>
      </c>
      <c r="C157" s="4" t="s">
        <v>13</v>
      </c>
      <c r="D157" s="5" t="s">
        <v>9</v>
      </c>
      <c r="E157" s="6" t="s">
        <v>10</v>
      </c>
      <c r="F157" s="7" t="s">
        <v>11</v>
      </c>
      <c r="G157" s="8" t="s">
        <v>96</v>
      </c>
      <c r="H157" s="9" t="s">
        <v>140</v>
      </c>
      <c r="I157" s="10">
        <v>400</v>
      </c>
    </row>
    <row r="158" spans="1:9" x14ac:dyDescent="0.15">
      <c r="A158" s="2" t="s">
        <v>26</v>
      </c>
      <c r="B158" s="3">
        <v>46108</v>
      </c>
      <c r="C158" s="4" t="s">
        <v>13</v>
      </c>
      <c r="D158" s="5" t="s">
        <v>9</v>
      </c>
      <c r="E158" s="6" t="s">
        <v>10</v>
      </c>
      <c r="F158" s="7" t="s">
        <v>11</v>
      </c>
      <c r="G158" s="8" t="s">
        <v>96</v>
      </c>
      <c r="H158" s="9" t="s">
        <v>140</v>
      </c>
      <c r="I158" s="10">
        <v>400</v>
      </c>
    </row>
    <row r="159" spans="1:9" x14ac:dyDescent="0.15">
      <c r="A159" s="2" t="s">
        <v>26</v>
      </c>
      <c r="B159" s="3">
        <v>46108</v>
      </c>
      <c r="C159" s="4" t="s">
        <v>13</v>
      </c>
      <c r="D159" s="5" t="s">
        <v>9</v>
      </c>
      <c r="E159" s="6" t="s">
        <v>10</v>
      </c>
      <c r="F159" s="7" t="s">
        <v>11</v>
      </c>
      <c r="G159" s="8" t="s">
        <v>96</v>
      </c>
      <c r="H159" s="9" t="s">
        <v>140</v>
      </c>
      <c r="I159" s="10">
        <v>1220</v>
      </c>
    </row>
    <row r="160" spans="1:9" x14ac:dyDescent="0.15">
      <c r="A160" s="2" t="s">
        <v>26</v>
      </c>
      <c r="B160" s="3">
        <v>46108</v>
      </c>
      <c r="C160" s="4" t="s">
        <v>13</v>
      </c>
      <c r="D160" s="5" t="s">
        <v>9</v>
      </c>
      <c r="E160" s="6" t="s">
        <v>10</v>
      </c>
      <c r="F160" s="7" t="s">
        <v>11</v>
      </c>
      <c r="G160" s="8" t="s">
        <v>17</v>
      </c>
      <c r="H160" s="9" t="s">
        <v>141</v>
      </c>
      <c r="I160" s="10">
        <v>241560</v>
      </c>
    </row>
    <row r="161" spans="1:9" x14ac:dyDescent="0.15">
      <c r="A161" s="2" t="s">
        <v>28</v>
      </c>
      <c r="B161" s="3">
        <v>46108</v>
      </c>
      <c r="C161" s="4" t="s">
        <v>13</v>
      </c>
      <c r="D161" s="5" t="s">
        <v>9</v>
      </c>
      <c r="E161" s="6" t="s">
        <v>10</v>
      </c>
      <c r="F161" s="7" t="s">
        <v>11</v>
      </c>
      <c r="G161" s="8" t="s">
        <v>35</v>
      </c>
      <c r="H161" s="9" t="s">
        <v>142</v>
      </c>
      <c r="I161" s="10">
        <v>12760</v>
      </c>
    </row>
    <row r="162" spans="1:9" x14ac:dyDescent="0.15">
      <c r="A162" s="2" t="s">
        <v>12</v>
      </c>
      <c r="B162" s="3">
        <v>46111</v>
      </c>
      <c r="C162" s="4" t="s">
        <v>13</v>
      </c>
      <c r="D162" s="5" t="s">
        <v>9</v>
      </c>
      <c r="E162" s="6" t="s">
        <v>10</v>
      </c>
      <c r="F162" s="7" t="s">
        <v>11</v>
      </c>
      <c r="G162" s="8" t="s">
        <v>68</v>
      </c>
      <c r="H162" s="9" t="s">
        <v>143</v>
      </c>
      <c r="I162" s="10">
        <v>24321</v>
      </c>
    </row>
    <row r="163" spans="1:9" x14ac:dyDescent="0.15">
      <c r="A163" s="2" t="s">
        <v>70</v>
      </c>
      <c r="B163" s="3">
        <v>46111</v>
      </c>
      <c r="C163" s="4" t="s">
        <v>13</v>
      </c>
      <c r="D163" s="5" t="s">
        <v>9</v>
      </c>
      <c r="E163" s="6" t="s">
        <v>10</v>
      </c>
      <c r="F163" s="7" t="s">
        <v>11</v>
      </c>
      <c r="G163" s="8" t="s">
        <v>68</v>
      </c>
      <c r="H163" s="9" t="s">
        <v>144</v>
      </c>
      <c r="I163" s="10">
        <v>6617702</v>
      </c>
    </row>
    <row r="164" spans="1:9" x14ac:dyDescent="0.15">
      <c r="A164" s="2" t="s">
        <v>20</v>
      </c>
      <c r="B164" s="3">
        <v>46111</v>
      </c>
      <c r="C164" s="4" t="s">
        <v>13</v>
      </c>
      <c r="D164" s="5" t="s">
        <v>9</v>
      </c>
      <c r="E164" s="6" t="s">
        <v>10</v>
      </c>
      <c r="F164" s="7" t="s">
        <v>11</v>
      </c>
      <c r="G164" s="8" t="s">
        <v>68</v>
      </c>
      <c r="H164" s="9" t="s">
        <v>143</v>
      </c>
      <c r="I164" s="10">
        <v>40546</v>
      </c>
    </row>
    <row r="165" spans="1:9" x14ac:dyDescent="0.15">
      <c r="A165" s="2" t="s">
        <v>26</v>
      </c>
      <c r="B165" s="3">
        <v>46111</v>
      </c>
      <c r="C165" s="4" t="s">
        <v>13</v>
      </c>
      <c r="D165" s="5" t="s">
        <v>9</v>
      </c>
      <c r="E165" s="6" t="s">
        <v>10</v>
      </c>
      <c r="F165" s="7" t="s">
        <v>11</v>
      </c>
      <c r="G165" s="8" t="s">
        <v>68</v>
      </c>
      <c r="H165" s="9" t="s">
        <v>143</v>
      </c>
      <c r="I165" s="10">
        <v>39738</v>
      </c>
    </row>
    <row r="166" spans="1:9" x14ac:dyDescent="0.15">
      <c r="A166" s="2" t="s">
        <v>28</v>
      </c>
      <c r="B166" s="3">
        <v>46111</v>
      </c>
      <c r="C166" s="4" t="s">
        <v>13</v>
      </c>
      <c r="D166" s="5" t="s">
        <v>9</v>
      </c>
      <c r="E166" s="6" t="s">
        <v>10</v>
      </c>
      <c r="F166" s="7" t="s">
        <v>11</v>
      </c>
      <c r="G166" s="8" t="s">
        <v>24</v>
      </c>
      <c r="H166" s="9" t="s">
        <v>145</v>
      </c>
      <c r="I166" s="10">
        <v>206800</v>
      </c>
    </row>
    <row r="167" spans="1:9" x14ac:dyDescent="0.15">
      <c r="A167" s="2" t="s">
        <v>12</v>
      </c>
      <c r="B167" s="3">
        <v>46112</v>
      </c>
      <c r="C167" s="4" t="s">
        <v>13</v>
      </c>
      <c r="D167" s="5" t="s">
        <v>9</v>
      </c>
      <c r="E167" s="6" t="s">
        <v>10</v>
      </c>
      <c r="F167" s="7" t="s">
        <v>11</v>
      </c>
      <c r="G167" s="8" t="s">
        <v>17</v>
      </c>
      <c r="H167" s="9" t="s">
        <v>146</v>
      </c>
      <c r="I167" s="10">
        <v>19250</v>
      </c>
    </row>
    <row r="168" spans="1:9" x14ac:dyDescent="0.15">
      <c r="A168" s="2" t="s">
        <v>12</v>
      </c>
      <c r="B168" s="3">
        <v>46112</v>
      </c>
      <c r="C168" s="4" t="s">
        <v>13</v>
      </c>
      <c r="D168" s="5" t="s">
        <v>9</v>
      </c>
      <c r="E168" s="6" t="s">
        <v>10</v>
      </c>
      <c r="F168" s="7" t="s">
        <v>11</v>
      </c>
      <c r="G168" s="8" t="s">
        <v>17</v>
      </c>
      <c r="H168" s="9" t="s">
        <v>147</v>
      </c>
      <c r="I168" s="10">
        <v>8950</v>
      </c>
    </row>
    <row r="169" spans="1:9" x14ac:dyDescent="0.15">
      <c r="A169" s="2" t="s">
        <v>12</v>
      </c>
      <c r="B169" s="3">
        <v>46112</v>
      </c>
      <c r="C169" s="4" t="s">
        <v>13</v>
      </c>
      <c r="D169" s="5" t="s">
        <v>9</v>
      </c>
      <c r="E169" s="6" t="s">
        <v>10</v>
      </c>
      <c r="F169" s="7" t="s">
        <v>11</v>
      </c>
      <c r="G169" s="8" t="s">
        <v>17</v>
      </c>
      <c r="H169" s="9" t="s">
        <v>148</v>
      </c>
      <c r="I169" s="10">
        <v>6675</v>
      </c>
    </row>
    <row r="170" spans="1:9" x14ac:dyDescent="0.15">
      <c r="A170" s="2" t="s">
        <v>12</v>
      </c>
      <c r="B170" s="3">
        <v>46112</v>
      </c>
      <c r="C170" s="4" t="s">
        <v>13</v>
      </c>
      <c r="D170" s="5" t="s">
        <v>9</v>
      </c>
      <c r="E170" s="6" t="s">
        <v>10</v>
      </c>
      <c r="F170" s="7" t="s">
        <v>11</v>
      </c>
      <c r="G170" s="8" t="s">
        <v>46</v>
      </c>
      <c r="H170" s="9" t="s">
        <v>149</v>
      </c>
      <c r="I170" s="10">
        <v>47811387</v>
      </c>
    </row>
    <row r="171" spans="1:9" x14ac:dyDescent="0.15">
      <c r="A171" s="2" t="s">
        <v>12</v>
      </c>
      <c r="B171" s="3">
        <v>46112</v>
      </c>
      <c r="C171" s="4" t="s">
        <v>13</v>
      </c>
      <c r="D171" s="5" t="s">
        <v>9</v>
      </c>
      <c r="E171" s="6" t="s">
        <v>10</v>
      </c>
      <c r="F171" s="7" t="s">
        <v>11</v>
      </c>
      <c r="G171" s="8" t="s">
        <v>46</v>
      </c>
      <c r="H171" s="9" t="s">
        <v>150</v>
      </c>
      <c r="I171" s="10">
        <v>11197690</v>
      </c>
    </row>
    <row r="172" spans="1:9" x14ac:dyDescent="0.15">
      <c r="A172" s="2" t="s">
        <v>12</v>
      </c>
      <c r="B172" s="3">
        <v>46112</v>
      </c>
      <c r="C172" s="4" t="s">
        <v>13</v>
      </c>
      <c r="D172" s="5" t="s">
        <v>9</v>
      </c>
      <c r="E172" s="6" t="s">
        <v>10</v>
      </c>
      <c r="F172" s="7" t="s">
        <v>11</v>
      </c>
      <c r="G172" s="8" t="s">
        <v>46</v>
      </c>
      <c r="H172" s="9" t="s">
        <v>151</v>
      </c>
      <c r="I172" s="10">
        <v>18672847</v>
      </c>
    </row>
    <row r="173" spans="1:9" x14ac:dyDescent="0.15">
      <c r="A173" s="2" t="s">
        <v>12</v>
      </c>
      <c r="B173" s="3">
        <v>46112</v>
      </c>
      <c r="C173" s="4" t="s">
        <v>13</v>
      </c>
      <c r="D173" s="5" t="s">
        <v>9</v>
      </c>
      <c r="E173" s="6" t="s">
        <v>10</v>
      </c>
      <c r="F173" s="7" t="s">
        <v>11</v>
      </c>
      <c r="G173" s="8" t="s">
        <v>46</v>
      </c>
      <c r="H173" s="9" t="s">
        <v>152</v>
      </c>
      <c r="I173" s="10">
        <v>6433</v>
      </c>
    </row>
    <row r="174" spans="1:9" x14ac:dyDescent="0.15">
      <c r="A174" s="2" t="s">
        <v>12</v>
      </c>
      <c r="B174" s="3">
        <v>46112</v>
      </c>
      <c r="C174" s="4" t="s">
        <v>13</v>
      </c>
      <c r="D174" s="5" t="s">
        <v>9</v>
      </c>
      <c r="E174" s="6" t="s">
        <v>10</v>
      </c>
      <c r="F174" s="7" t="s">
        <v>11</v>
      </c>
      <c r="G174" s="8" t="s">
        <v>46</v>
      </c>
      <c r="H174" s="9" t="s">
        <v>153</v>
      </c>
      <c r="I174" s="10">
        <v>1189152</v>
      </c>
    </row>
    <row r="175" spans="1:9" x14ac:dyDescent="0.15">
      <c r="A175" s="2" t="s">
        <v>12</v>
      </c>
      <c r="B175" s="3">
        <v>46112</v>
      </c>
      <c r="C175" s="4" t="s">
        <v>13</v>
      </c>
      <c r="D175" s="5" t="s">
        <v>9</v>
      </c>
      <c r="E175" s="6" t="s">
        <v>10</v>
      </c>
      <c r="F175" s="7" t="s">
        <v>11</v>
      </c>
      <c r="G175" s="8" t="s">
        <v>14</v>
      </c>
      <c r="H175" s="9" t="s">
        <v>154</v>
      </c>
      <c r="I175" s="10">
        <v>20922</v>
      </c>
    </row>
    <row r="176" spans="1:9" x14ac:dyDescent="0.15">
      <c r="A176" s="2" t="s">
        <v>12</v>
      </c>
      <c r="B176" s="3">
        <v>46112</v>
      </c>
      <c r="C176" s="4" t="s">
        <v>13</v>
      </c>
      <c r="D176" s="5" t="s">
        <v>9</v>
      </c>
      <c r="E176" s="6" t="s">
        <v>10</v>
      </c>
      <c r="F176" s="7" t="s">
        <v>11</v>
      </c>
      <c r="G176" s="8" t="s">
        <v>46</v>
      </c>
      <c r="H176" s="9" t="s">
        <v>155</v>
      </c>
      <c r="I176" s="10">
        <v>2974</v>
      </c>
    </row>
    <row r="177" spans="1:9" x14ac:dyDescent="0.15">
      <c r="A177" s="2" t="s">
        <v>70</v>
      </c>
      <c r="B177" s="3">
        <v>46112</v>
      </c>
      <c r="C177" s="4" t="s">
        <v>13</v>
      </c>
      <c r="D177" s="5" t="s">
        <v>9</v>
      </c>
      <c r="E177" s="6" t="s">
        <v>157</v>
      </c>
      <c r="F177" s="7" t="s">
        <v>156</v>
      </c>
      <c r="G177" s="8" t="s">
        <v>158</v>
      </c>
      <c r="H177" s="9" t="s">
        <v>159</v>
      </c>
      <c r="I177" s="10">
        <v>6845500</v>
      </c>
    </row>
    <row r="178" spans="1:9" x14ac:dyDescent="0.15">
      <c r="A178" s="2" t="s">
        <v>70</v>
      </c>
      <c r="B178" s="3">
        <v>46112</v>
      </c>
      <c r="C178" s="4" t="s">
        <v>13</v>
      </c>
      <c r="D178" s="5" t="s">
        <v>160</v>
      </c>
      <c r="E178" s="6" t="s">
        <v>160</v>
      </c>
      <c r="F178" s="7" t="s">
        <v>161</v>
      </c>
      <c r="G178" s="8" t="s">
        <v>162</v>
      </c>
      <c r="H178" s="9" t="s">
        <v>163</v>
      </c>
      <c r="I178" s="10">
        <v>2117208553</v>
      </c>
    </row>
    <row r="179" spans="1:9" x14ac:dyDescent="0.15">
      <c r="A179" s="2" t="s">
        <v>70</v>
      </c>
      <c r="B179" s="3">
        <v>46112</v>
      </c>
      <c r="C179" s="4" t="s">
        <v>13</v>
      </c>
      <c r="D179" s="5" t="s">
        <v>9</v>
      </c>
      <c r="E179" s="6" t="s">
        <v>157</v>
      </c>
      <c r="F179" s="7" t="s">
        <v>164</v>
      </c>
      <c r="G179" s="8" t="s">
        <v>165</v>
      </c>
      <c r="H179" s="9" t="s">
        <v>163</v>
      </c>
      <c r="I179" s="10">
        <v>155629982</v>
      </c>
    </row>
    <row r="180" spans="1:9" x14ac:dyDescent="0.15">
      <c r="A180" s="2" t="s">
        <v>70</v>
      </c>
      <c r="B180" s="3">
        <v>46112</v>
      </c>
      <c r="C180" s="4" t="s">
        <v>13</v>
      </c>
      <c r="D180" s="5" t="s">
        <v>9</v>
      </c>
      <c r="E180" s="6" t="s">
        <v>157</v>
      </c>
      <c r="F180" s="7" t="s">
        <v>164</v>
      </c>
      <c r="G180" s="8" t="s">
        <v>166</v>
      </c>
      <c r="H180" s="9" t="s">
        <v>163</v>
      </c>
      <c r="I180" s="10">
        <v>3802565</v>
      </c>
    </row>
    <row r="181" spans="1:9" x14ac:dyDescent="0.15">
      <c r="A181" s="2" t="s">
        <v>70</v>
      </c>
      <c r="B181" s="3">
        <v>46112</v>
      </c>
      <c r="C181" s="4" t="s">
        <v>13</v>
      </c>
      <c r="D181" s="5" t="s">
        <v>9</v>
      </c>
      <c r="E181" s="6" t="s">
        <v>157</v>
      </c>
      <c r="F181" s="7" t="s">
        <v>164</v>
      </c>
      <c r="G181" s="8" t="s">
        <v>166</v>
      </c>
      <c r="H181" s="9" t="s">
        <v>163</v>
      </c>
      <c r="I181" s="10">
        <v>2138212</v>
      </c>
    </row>
    <row r="182" spans="1:9" x14ac:dyDescent="0.15">
      <c r="A182" s="2" t="s">
        <v>20</v>
      </c>
      <c r="B182" s="3">
        <v>46112</v>
      </c>
      <c r="C182" s="4" t="s">
        <v>13</v>
      </c>
      <c r="D182" s="5" t="s">
        <v>9</v>
      </c>
      <c r="E182" s="6" t="s">
        <v>10</v>
      </c>
      <c r="F182" s="7" t="s">
        <v>11</v>
      </c>
      <c r="G182" s="8" t="s">
        <v>31</v>
      </c>
      <c r="H182" s="9" t="s">
        <v>167</v>
      </c>
      <c r="I182" s="10">
        <v>30862</v>
      </c>
    </row>
    <row r="183" spans="1:9" x14ac:dyDescent="0.15">
      <c r="A183" s="2" t="s">
        <v>20</v>
      </c>
      <c r="B183" s="3">
        <v>46112</v>
      </c>
      <c r="C183" s="4" t="s">
        <v>13</v>
      </c>
      <c r="D183" s="5" t="s">
        <v>9</v>
      </c>
      <c r="E183" s="6" t="s">
        <v>10</v>
      </c>
      <c r="F183" s="7" t="s">
        <v>11</v>
      </c>
      <c r="G183" s="8" t="s">
        <v>14</v>
      </c>
      <c r="H183" s="9" t="s">
        <v>168</v>
      </c>
      <c r="I183" s="10">
        <v>28530</v>
      </c>
    </row>
    <row r="184" spans="1:9" x14ac:dyDescent="0.15">
      <c r="A184" s="2" t="s">
        <v>20</v>
      </c>
      <c r="B184" s="3">
        <v>46112</v>
      </c>
      <c r="C184" s="4" t="s">
        <v>13</v>
      </c>
      <c r="D184" s="5" t="s">
        <v>9</v>
      </c>
      <c r="E184" s="6" t="s">
        <v>10</v>
      </c>
      <c r="F184" s="7" t="s">
        <v>11</v>
      </c>
      <c r="G184" s="8" t="s">
        <v>14</v>
      </c>
      <c r="H184" s="9" t="s">
        <v>169</v>
      </c>
      <c r="I184" s="10">
        <v>105040</v>
      </c>
    </row>
    <row r="185" spans="1:9" x14ac:dyDescent="0.15">
      <c r="A185" s="2" t="s">
        <v>23</v>
      </c>
      <c r="B185" s="3">
        <v>46112</v>
      </c>
      <c r="C185" s="4" t="s">
        <v>13</v>
      </c>
      <c r="D185" s="5" t="s">
        <v>9</v>
      </c>
      <c r="E185" s="6" t="s">
        <v>10</v>
      </c>
      <c r="F185" s="7" t="s">
        <v>11</v>
      </c>
      <c r="G185" s="8" t="s">
        <v>29</v>
      </c>
      <c r="H185" s="9" t="s">
        <v>170</v>
      </c>
      <c r="I185" s="10">
        <v>62546</v>
      </c>
    </row>
    <row r="186" spans="1:9" x14ac:dyDescent="0.15">
      <c r="A186" s="2" t="s">
        <v>23</v>
      </c>
      <c r="B186" s="3">
        <v>46112</v>
      </c>
      <c r="C186" s="4" t="s">
        <v>13</v>
      </c>
      <c r="D186" s="5" t="s">
        <v>9</v>
      </c>
      <c r="E186" s="6" t="s">
        <v>10</v>
      </c>
      <c r="F186" s="7" t="s">
        <v>11</v>
      </c>
      <c r="G186" s="8" t="s">
        <v>24</v>
      </c>
      <c r="H186" s="9" t="s">
        <v>171</v>
      </c>
      <c r="I186" s="10">
        <v>288200</v>
      </c>
    </row>
    <row r="187" spans="1:9" x14ac:dyDescent="0.15">
      <c r="A187" s="2" t="s">
        <v>23</v>
      </c>
      <c r="B187" s="3">
        <v>46112</v>
      </c>
      <c r="C187" s="4" t="s">
        <v>13</v>
      </c>
      <c r="D187" s="5" t="s">
        <v>9</v>
      </c>
      <c r="E187" s="6" t="s">
        <v>10</v>
      </c>
      <c r="F187" s="7" t="s">
        <v>11</v>
      </c>
      <c r="G187" s="8" t="s">
        <v>24</v>
      </c>
      <c r="H187" s="9" t="s">
        <v>172</v>
      </c>
      <c r="I187" s="10">
        <v>1210000</v>
      </c>
    </row>
    <row r="188" spans="1:9" x14ac:dyDescent="0.15">
      <c r="A188" s="2" t="s">
        <v>23</v>
      </c>
      <c r="B188" s="3">
        <v>46112</v>
      </c>
      <c r="C188" s="4" t="s">
        <v>13</v>
      </c>
      <c r="D188" s="5" t="s">
        <v>9</v>
      </c>
      <c r="E188" s="6" t="s">
        <v>10</v>
      </c>
      <c r="F188" s="7" t="s">
        <v>11</v>
      </c>
      <c r="G188" s="8" t="s">
        <v>35</v>
      </c>
      <c r="H188" s="9" t="s">
        <v>173</v>
      </c>
      <c r="I188" s="10">
        <v>1098845</v>
      </c>
    </row>
    <row r="189" spans="1:9" x14ac:dyDescent="0.15">
      <c r="A189" s="2" t="s">
        <v>23</v>
      </c>
      <c r="B189" s="3">
        <v>46112</v>
      </c>
      <c r="C189" s="4" t="s">
        <v>13</v>
      </c>
      <c r="D189" s="5" t="s">
        <v>9</v>
      </c>
      <c r="E189" s="6" t="s">
        <v>10</v>
      </c>
      <c r="F189" s="7" t="s">
        <v>11</v>
      </c>
      <c r="G189" s="8" t="s">
        <v>24</v>
      </c>
      <c r="H189" s="9" t="s">
        <v>174</v>
      </c>
      <c r="I189" s="10">
        <v>919600</v>
      </c>
    </row>
    <row r="190" spans="1:9" x14ac:dyDescent="0.15">
      <c r="A190" s="2" t="s">
        <v>23</v>
      </c>
      <c r="B190" s="3">
        <v>46112</v>
      </c>
      <c r="C190" s="4" t="s">
        <v>13</v>
      </c>
      <c r="D190" s="5" t="s">
        <v>9</v>
      </c>
      <c r="E190" s="6" t="s">
        <v>10</v>
      </c>
      <c r="F190" s="7" t="s">
        <v>11</v>
      </c>
      <c r="G190" s="8" t="s">
        <v>24</v>
      </c>
      <c r="H190" s="9" t="s">
        <v>175</v>
      </c>
      <c r="I190" s="10">
        <v>82500</v>
      </c>
    </row>
    <row r="191" spans="1:9" x14ac:dyDescent="0.15">
      <c r="A191" s="2" t="s">
        <v>23</v>
      </c>
      <c r="B191" s="3">
        <v>46112</v>
      </c>
      <c r="C191" s="4" t="s">
        <v>13</v>
      </c>
      <c r="D191" s="5" t="s">
        <v>9</v>
      </c>
      <c r="E191" s="6" t="s">
        <v>10</v>
      </c>
      <c r="F191" s="7" t="s">
        <v>11</v>
      </c>
      <c r="G191" s="8" t="s">
        <v>17</v>
      </c>
      <c r="H191" s="9" t="s">
        <v>176</v>
      </c>
      <c r="I191" s="10">
        <v>368000</v>
      </c>
    </row>
    <row r="192" spans="1:9" x14ac:dyDescent="0.15">
      <c r="A192" s="2" t="s">
        <v>26</v>
      </c>
      <c r="B192" s="3">
        <v>46112</v>
      </c>
      <c r="C192" s="4" t="s">
        <v>13</v>
      </c>
      <c r="D192" s="5" t="s">
        <v>9</v>
      </c>
      <c r="E192" s="6" t="s">
        <v>10</v>
      </c>
      <c r="F192" s="7" t="s">
        <v>11</v>
      </c>
      <c r="G192" s="8" t="s">
        <v>33</v>
      </c>
      <c r="H192" s="9" t="s">
        <v>177</v>
      </c>
      <c r="I192" s="10">
        <v>10421542</v>
      </c>
    </row>
    <row r="193" spans="1:9" x14ac:dyDescent="0.15">
      <c r="A193" s="2" t="s">
        <v>26</v>
      </c>
      <c r="B193" s="3">
        <v>46112</v>
      </c>
      <c r="C193" s="4" t="s">
        <v>13</v>
      </c>
      <c r="D193" s="5" t="s">
        <v>9</v>
      </c>
      <c r="E193" s="6" t="s">
        <v>10</v>
      </c>
      <c r="F193" s="7" t="s">
        <v>11</v>
      </c>
      <c r="G193" s="8" t="s">
        <v>17</v>
      </c>
      <c r="H193" s="9" t="s">
        <v>178</v>
      </c>
      <c r="I193" s="10">
        <v>1460</v>
      </c>
    </row>
    <row r="194" spans="1:9" x14ac:dyDescent="0.15">
      <c r="A194" s="2" t="s">
        <v>26</v>
      </c>
      <c r="B194" s="3">
        <v>46112</v>
      </c>
      <c r="C194" s="4" t="s">
        <v>13</v>
      </c>
      <c r="D194" s="5" t="s">
        <v>9</v>
      </c>
      <c r="E194" s="6" t="s">
        <v>10</v>
      </c>
      <c r="F194" s="7" t="s">
        <v>11</v>
      </c>
      <c r="G194" s="8" t="s">
        <v>14</v>
      </c>
      <c r="H194" s="9" t="s">
        <v>154</v>
      </c>
      <c r="I194" s="10">
        <v>26628</v>
      </c>
    </row>
    <row r="195" spans="1:9" x14ac:dyDescent="0.15">
      <c r="A195" s="2" t="s">
        <v>26</v>
      </c>
      <c r="B195" s="3">
        <v>46112</v>
      </c>
      <c r="C195" s="4" t="s">
        <v>13</v>
      </c>
      <c r="D195" s="5" t="s">
        <v>9</v>
      </c>
      <c r="E195" s="6" t="s">
        <v>10</v>
      </c>
      <c r="F195" s="7" t="s">
        <v>11</v>
      </c>
      <c r="G195" s="8" t="s">
        <v>14</v>
      </c>
      <c r="H195" s="9" t="s">
        <v>154</v>
      </c>
      <c r="I195" s="10">
        <v>37089</v>
      </c>
    </row>
    <row r="196" spans="1:9" x14ac:dyDescent="0.15">
      <c r="A196" s="2" t="s">
        <v>28</v>
      </c>
      <c r="B196" s="3">
        <v>46112</v>
      </c>
      <c r="C196" s="4" t="s">
        <v>13</v>
      </c>
      <c r="D196" s="5" t="s">
        <v>9</v>
      </c>
      <c r="E196" s="6" t="s">
        <v>10</v>
      </c>
      <c r="F196" s="7" t="s">
        <v>11</v>
      </c>
      <c r="G196" s="8" t="s">
        <v>29</v>
      </c>
      <c r="H196" s="9" t="s">
        <v>30</v>
      </c>
      <c r="I196" s="10">
        <v>11375716</v>
      </c>
    </row>
    <row r="197" spans="1:9" x14ac:dyDescent="0.15">
      <c r="A197" s="2" t="s">
        <v>28</v>
      </c>
      <c r="B197" s="3">
        <v>46112</v>
      </c>
      <c r="C197" s="4" t="s">
        <v>13</v>
      </c>
      <c r="D197" s="5" t="s">
        <v>9</v>
      </c>
      <c r="E197" s="6" t="s">
        <v>10</v>
      </c>
      <c r="F197" s="7" t="s">
        <v>11</v>
      </c>
      <c r="G197" s="8" t="s">
        <v>35</v>
      </c>
      <c r="H197" s="9" t="s">
        <v>179</v>
      </c>
      <c r="I197" s="10">
        <v>40150</v>
      </c>
    </row>
    <row r="198" spans="1:9" x14ac:dyDescent="0.15">
      <c r="A198" s="2" t="s">
        <v>28</v>
      </c>
      <c r="B198" s="3">
        <v>46112</v>
      </c>
      <c r="C198" s="4" t="s">
        <v>13</v>
      </c>
      <c r="D198" s="5" t="s">
        <v>9</v>
      </c>
      <c r="E198" s="6" t="s">
        <v>10</v>
      </c>
      <c r="F198" s="7" t="s">
        <v>11</v>
      </c>
      <c r="G198" s="8" t="s">
        <v>24</v>
      </c>
      <c r="H198" s="9" t="s">
        <v>180</v>
      </c>
      <c r="I198" s="10">
        <v>8195000</v>
      </c>
    </row>
    <row r="199" spans="1:9" x14ac:dyDescent="0.15">
      <c r="A199" s="2" t="s">
        <v>28</v>
      </c>
      <c r="B199" s="3">
        <v>46112</v>
      </c>
      <c r="C199" s="4" t="s">
        <v>13</v>
      </c>
      <c r="D199" s="5" t="s">
        <v>9</v>
      </c>
      <c r="E199" s="6" t="s">
        <v>10</v>
      </c>
      <c r="F199" s="7" t="s">
        <v>11</v>
      </c>
      <c r="G199" s="8" t="s">
        <v>35</v>
      </c>
      <c r="H199" s="9" t="s">
        <v>181</v>
      </c>
      <c r="I199" s="10">
        <v>382800</v>
      </c>
    </row>
    <row r="200" spans="1:9" x14ac:dyDescent="0.15">
      <c r="A200" s="2" t="s">
        <v>28</v>
      </c>
      <c r="B200" s="3">
        <v>46112</v>
      </c>
      <c r="C200" s="4" t="s">
        <v>13</v>
      </c>
      <c r="D200" s="5" t="s">
        <v>9</v>
      </c>
      <c r="E200" s="6" t="s">
        <v>10</v>
      </c>
      <c r="F200" s="7" t="s">
        <v>11</v>
      </c>
      <c r="G200" s="8" t="s">
        <v>88</v>
      </c>
      <c r="H200" s="9" t="s">
        <v>182</v>
      </c>
      <c r="I200" s="10">
        <v>1155000</v>
      </c>
    </row>
    <row r="201" spans="1:9" x14ac:dyDescent="0.15">
      <c r="A201" s="2" t="s">
        <v>28</v>
      </c>
      <c r="B201" s="3">
        <v>46112</v>
      </c>
      <c r="C201" s="4" t="s">
        <v>13</v>
      </c>
      <c r="D201" s="5" t="s">
        <v>9</v>
      </c>
      <c r="E201" s="6" t="s">
        <v>10</v>
      </c>
      <c r="F201" s="7" t="s">
        <v>11</v>
      </c>
      <c r="G201" s="8" t="s">
        <v>35</v>
      </c>
      <c r="H201" s="9" t="s">
        <v>183</v>
      </c>
      <c r="I201" s="10">
        <v>1049840</v>
      </c>
    </row>
    <row r="202" spans="1:9" x14ac:dyDescent="0.15">
      <c r="A202" s="2" t="s">
        <v>28</v>
      </c>
      <c r="B202" s="3">
        <v>46112</v>
      </c>
      <c r="C202" s="4" t="s">
        <v>13</v>
      </c>
      <c r="D202" s="5" t="s">
        <v>9</v>
      </c>
      <c r="E202" s="6" t="s">
        <v>10</v>
      </c>
      <c r="F202" s="7" t="s">
        <v>11</v>
      </c>
      <c r="G202" s="8" t="s">
        <v>88</v>
      </c>
      <c r="H202" s="9" t="s">
        <v>184</v>
      </c>
      <c r="I202" s="10">
        <v>10285</v>
      </c>
    </row>
    <row r="203" spans="1:9" x14ac:dyDescent="0.15">
      <c r="A203" s="2" t="s">
        <v>28</v>
      </c>
      <c r="B203" s="3">
        <v>46112</v>
      </c>
      <c r="C203" s="4" t="s">
        <v>13</v>
      </c>
      <c r="D203" s="5" t="s">
        <v>9</v>
      </c>
      <c r="E203" s="6" t="s">
        <v>10</v>
      </c>
      <c r="F203" s="7" t="s">
        <v>11</v>
      </c>
      <c r="G203" s="8" t="s">
        <v>35</v>
      </c>
      <c r="H203" s="9" t="s">
        <v>184</v>
      </c>
      <c r="I203" s="10">
        <v>121770</v>
      </c>
    </row>
    <row r="204" spans="1:9" x14ac:dyDescent="0.15">
      <c r="A204" s="2" t="s">
        <v>28</v>
      </c>
      <c r="B204" s="3">
        <v>46112</v>
      </c>
      <c r="C204" s="4" t="s">
        <v>13</v>
      </c>
      <c r="D204" s="5" t="s">
        <v>9</v>
      </c>
      <c r="E204" s="6" t="s">
        <v>10</v>
      </c>
      <c r="F204" s="7" t="s">
        <v>11</v>
      </c>
      <c r="G204" s="8" t="s">
        <v>29</v>
      </c>
      <c r="H204" s="9" t="s">
        <v>185</v>
      </c>
      <c r="I204" s="10">
        <v>550000</v>
      </c>
    </row>
    <row r="205" spans="1:9" x14ac:dyDescent="0.15">
      <c r="A205" s="2" t="s">
        <v>28</v>
      </c>
      <c r="B205" s="3">
        <v>46112</v>
      </c>
      <c r="C205" s="4" t="s">
        <v>13</v>
      </c>
      <c r="D205" s="5" t="s">
        <v>9</v>
      </c>
      <c r="E205" s="6" t="s">
        <v>10</v>
      </c>
      <c r="F205" s="7" t="s">
        <v>11</v>
      </c>
      <c r="G205" s="8" t="s">
        <v>24</v>
      </c>
      <c r="H205" s="9" t="s">
        <v>186</v>
      </c>
      <c r="I205" s="10">
        <v>715000</v>
      </c>
    </row>
  </sheetData>
  <phoneticPr fontId="11"/>
  <printOptions horizontalCentered="1"/>
  <pageMargins left="0.39370078740157483" right="0.39370078740157483" top="0.78740157480314965" bottom="0.59055118110236227" header="0.39370078740157483" footer="0.39370078740157483"/>
  <pageSetup paperSize="9" scale="52" fitToHeight="0" orientation="landscape" r:id="rId1"/>
  <headerFooter alignWithMargins="0">
    <oddHeader xml:space="preserve">&amp;C&amp;"ＭＳ ゴシック,標準" 公金支出情報&amp;R&amp;"ＭＳ ゴシック,標準"
</oddHeader>
    <oddFooter>&amp;R&amp;"ＭＳ ゴシック,NORMAL"&amp;10Page &amp;P of &amp;N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検索結果</vt:lpstr>
      <vt:lpstr>検索結果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6-04-06T06:08:11Z</cp:lastPrinted>
  <dcterms:created xsi:type="dcterms:W3CDTF">2026-04-06T05:46:42Z</dcterms:created>
  <dcterms:modified xsi:type="dcterms:W3CDTF">2026-04-06T06:08:20Z</dcterms:modified>
</cp:coreProperties>
</file>